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88" d="100"/>
          <a:sy n="88" d="100"/>
        </p:scale>
        <p:origin x="110" y="149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9" Type="http://schemas.openxmlformats.org/officeDocument/2006/relationships/tags" Target="../tags/tag133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66" Type="http://schemas.openxmlformats.org/officeDocument/2006/relationships/tags" Target="../tags/tag170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87" Type="http://schemas.openxmlformats.org/officeDocument/2006/relationships/tags" Target="../tags/tag191.xml"/><Relationship Id="rId102" Type="http://schemas.openxmlformats.org/officeDocument/2006/relationships/tags" Target="../tags/tag206.xml"/><Relationship Id="rId5" Type="http://schemas.openxmlformats.org/officeDocument/2006/relationships/tags" Target="../tags/tag109.xml"/><Relationship Id="rId61" Type="http://schemas.openxmlformats.org/officeDocument/2006/relationships/tags" Target="../tags/tag165.xml"/><Relationship Id="rId82" Type="http://schemas.openxmlformats.org/officeDocument/2006/relationships/tags" Target="../tags/tag186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56" Type="http://schemas.openxmlformats.org/officeDocument/2006/relationships/tags" Target="../tags/tag160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59" Type="http://schemas.openxmlformats.org/officeDocument/2006/relationships/tags" Target="../tags/tag163.xml"/><Relationship Id="rId67" Type="http://schemas.openxmlformats.org/officeDocument/2006/relationships/tags" Target="../tags/tag171.xml"/><Relationship Id="rId103" Type="http://schemas.openxmlformats.org/officeDocument/2006/relationships/tags" Target="../tags/tag207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5" name="OTLSHAPE_T_73a753fc3eb04cce8a74f5f2ee475fdf_HorizontalConnector1">
            <a:extLst>
              <a:ext uri="{FF2B5EF4-FFF2-40B4-BE49-F238E27FC236}">
                <a16:creationId xmlns:a16="http://schemas.microsoft.com/office/drawing/2014/main" id="{5CD52E8E-EF2D-498B-AC34-14CDFB4243E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3d5524b220ea4232b2aca4dceb1fd24f_HorizontalConnector1">
            <a:extLst>
              <a:ext uri="{FF2B5EF4-FFF2-40B4-BE49-F238E27FC236}">
                <a16:creationId xmlns:a16="http://schemas.microsoft.com/office/drawing/2014/main" id="{40A191B9-27AE-496D-B5EA-718CB042617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87ee498b9b024e72a9fd4bf0b93a907e_HorizontalConnector1">
            <a:extLst>
              <a:ext uri="{FF2B5EF4-FFF2-40B4-BE49-F238E27FC236}">
                <a16:creationId xmlns:a16="http://schemas.microsoft.com/office/drawing/2014/main" id="{30E3780E-F510-4BBD-BD0E-3A2C6789BA1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7f025863b5434f9ca6f083d56cac4820_HorizontalConnector1">
            <a:extLst>
              <a:ext uri="{FF2B5EF4-FFF2-40B4-BE49-F238E27FC236}">
                <a16:creationId xmlns:a16="http://schemas.microsoft.com/office/drawing/2014/main" id="{98834A85-8026-4435-987D-040F7FE5D5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_0c43ef4a38ab46e5bbc576f52f3f63fc_HorizontalConnector1">
            <a:extLst>
              <a:ext uri="{FF2B5EF4-FFF2-40B4-BE49-F238E27FC236}">
                <a16:creationId xmlns:a16="http://schemas.microsoft.com/office/drawing/2014/main" id="{EF0214BD-9812-4D0E-B439-B024A7633D8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a184d61f5e2438db63ae5802af9b305_HorizontalConnector1">
            <a:extLst>
              <a:ext uri="{FF2B5EF4-FFF2-40B4-BE49-F238E27FC236}">
                <a16:creationId xmlns:a16="http://schemas.microsoft.com/office/drawing/2014/main" id="{9D5BF7EC-E5CA-4677-9D1C-8B7DF92C45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59b5ac8298c14cca9e65190bf60d5d05_Connector1">
            <a:extLst>
              <a:ext uri="{FF2B5EF4-FFF2-40B4-BE49-F238E27FC236}">
                <a16:creationId xmlns:a16="http://schemas.microsoft.com/office/drawing/2014/main" id="{D6D0ECCA-6473-4B30-B9F5-6E3496F1B2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34921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2b147c48339f434892a5ef1836ea3597_Connector1">
            <a:extLst>
              <a:ext uri="{FF2B5EF4-FFF2-40B4-BE49-F238E27FC236}">
                <a16:creationId xmlns:a16="http://schemas.microsoft.com/office/drawing/2014/main" id="{5B49BB92-2B78-415A-8D53-D73B7EDBA62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78479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9f860f8d65ee4aac85039f30c2ffcf33_Connector1">
            <a:extLst>
              <a:ext uri="{FF2B5EF4-FFF2-40B4-BE49-F238E27FC236}">
                <a16:creationId xmlns:a16="http://schemas.microsoft.com/office/drawing/2014/main" id="{BC3BBD21-2083-4424-9E7B-93E5D997D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5083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051a32e4ff0e47229380669de64fe5ab_Connector1">
            <a:extLst>
              <a:ext uri="{FF2B5EF4-FFF2-40B4-BE49-F238E27FC236}">
                <a16:creationId xmlns:a16="http://schemas.microsoft.com/office/drawing/2014/main" id="{E04F8228-470B-43ED-BFFD-9031E65EDBB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08129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8cc1ba62bc92479399f399f1daac8d07_Connector1">
            <a:extLst>
              <a:ext uri="{FF2B5EF4-FFF2-40B4-BE49-F238E27FC236}">
                <a16:creationId xmlns:a16="http://schemas.microsoft.com/office/drawing/2014/main" id="{09C172CA-6A5D-4C35-9695-E2960CE135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69477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LeftEndCaps">
            <a:extLst>
              <a:ext uri="{FF2B5EF4-FFF2-40B4-BE49-F238E27FC236}">
                <a16:creationId xmlns:a16="http://schemas.microsoft.com/office/drawing/2014/main" id="{90CE00D4-1B71-4919-83A2-BAC95DF55D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RightEndCaps">
            <a:extLst>
              <a:ext uri="{FF2B5EF4-FFF2-40B4-BE49-F238E27FC236}">
                <a16:creationId xmlns:a16="http://schemas.microsoft.com/office/drawing/2014/main" id="{65E97540-C73D-42D7-B19C-E10D3E80BFF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8473A961-55E2-4ABE-88D4-3515CFCEC7F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7C321DEA-3BBE-4DD8-89F8-374572168C9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B_00000000000000000000000000000000_TodayMarkerShape" hidden="1">
            <a:extLst>
              <a:ext uri="{FF2B5EF4-FFF2-40B4-BE49-F238E27FC236}">
                <a16:creationId xmlns:a16="http://schemas.microsoft.com/office/drawing/2014/main" id="{01631BEA-79F8-4FBD-8657-416D99023E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B_00000000000000000000000000000000_TodayMarkerText" hidden="1">
            <a:extLst>
              <a:ext uri="{FF2B5EF4-FFF2-40B4-BE49-F238E27FC236}">
                <a16:creationId xmlns:a16="http://schemas.microsoft.com/office/drawing/2014/main" id="{442B516D-D9E2-405F-984B-38699D3F15C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0777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75" name="OTLSHAPE_TB_00000000000000000000000000000000_TimescaleInterval1">
            <a:extLst>
              <a:ext uri="{FF2B5EF4-FFF2-40B4-BE49-F238E27FC236}">
                <a16:creationId xmlns:a16="http://schemas.microsoft.com/office/drawing/2014/main" id="{C51FE4BF-1A2D-4E21-AA30-C8517130D4C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하루 </a:t>
            </a:r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" name="OTLSHAPE_TB_00000000000000000000000000000000_Separator1">
            <a:extLst>
              <a:ext uri="{FF2B5EF4-FFF2-40B4-BE49-F238E27FC236}">
                <a16:creationId xmlns:a16="http://schemas.microsoft.com/office/drawing/2014/main" id="{02F0C523-F3A1-48E8-B1D3-7D72D864FA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1971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TB_00000000000000000000000000000000_TimescaleInterval2">
            <a:extLst>
              <a:ext uri="{FF2B5EF4-FFF2-40B4-BE49-F238E27FC236}">
                <a16:creationId xmlns:a16="http://schemas.microsoft.com/office/drawing/2014/main" id="{7EA9A13A-7144-466F-BC2A-326CF5346F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8" name="OTLSHAPE_TB_00000000000000000000000000000000_Separator2">
            <a:extLst>
              <a:ext uri="{FF2B5EF4-FFF2-40B4-BE49-F238E27FC236}">
                <a16:creationId xmlns:a16="http://schemas.microsoft.com/office/drawing/2014/main" id="{8602B19C-CF07-4B79-B734-DF286CDC08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497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TB_00000000000000000000000000000000_TimescaleInterval3">
            <a:extLst>
              <a:ext uri="{FF2B5EF4-FFF2-40B4-BE49-F238E27FC236}">
                <a16:creationId xmlns:a16="http://schemas.microsoft.com/office/drawing/2014/main" id="{78641664-820E-4EEE-9D6E-D6051D93503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0" name="OTLSHAPE_TB_00000000000000000000000000000000_Separator3">
            <a:extLst>
              <a:ext uri="{FF2B5EF4-FFF2-40B4-BE49-F238E27FC236}">
                <a16:creationId xmlns:a16="http://schemas.microsoft.com/office/drawing/2014/main" id="{7E312A91-4D3B-4508-931E-7CDF162A27F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7023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4">
            <a:extLst>
              <a:ext uri="{FF2B5EF4-FFF2-40B4-BE49-F238E27FC236}">
                <a16:creationId xmlns:a16="http://schemas.microsoft.com/office/drawing/2014/main" id="{5356EC5C-A841-49F4-85E2-51B07264EB0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4">
            <a:extLst>
              <a:ext uri="{FF2B5EF4-FFF2-40B4-BE49-F238E27FC236}">
                <a16:creationId xmlns:a16="http://schemas.microsoft.com/office/drawing/2014/main" id="{4FD2FC34-7420-4E56-A379-79F48CDB9C2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4548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5">
            <a:extLst>
              <a:ext uri="{FF2B5EF4-FFF2-40B4-BE49-F238E27FC236}">
                <a16:creationId xmlns:a16="http://schemas.microsoft.com/office/drawing/2014/main" id="{4CBC66A0-F31A-4E8C-B04A-05BB63300BF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5">
            <a:extLst>
              <a:ext uri="{FF2B5EF4-FFF2-40B4-BE49-F238E27FC236}">
                <a16:creationId xmlns:a16="http://schemas.microsoft.com/office/drawing/2014/main" id="{D126DAE9-7AAB-47E5-B550-08E826139B0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2074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0BDC66FD-460C-41C2-818C-EE59021D60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3" name="OTLSHAPE_TB_00000000000000000000000000000000_Separator6">
            <a:extLst>
              <a:ext uri="{FF2B5EF4-FFF2-40B4-BE49-F238E27FC236}">
                <a16:creationId xmlns:a16="http://schemas.microsoft.com/office/drawing/2014/main" id="{1CF738A3-25AB-493B-9204-357C1A70EA8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959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TimescaleInterval7">
            <a:extLst>
              <a:ext uri="{FF2B5EF4-FFF2-40B4-BE49-F238E27FC236}">
                <a16:creationId xmlns:a16="http://schemas.microsoft.com/office/drawing/2014/main" id="{7DE0719F-2A09-4F03-999B-F18F419D14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5" name="OTLSHAPE_TB_00000000000000000000000000000000_Separator7">
            <a:extLst>
              <a:ext uri="{FF2B5EF4-FFF2-40B4-BE49-F238E27FC236}">
                <a16:creationId xmlns:a16="http://schemas.microsoft.com/office/drawing/2014/main" id="{7CF16F24-AC3F-4648-A338-89DC6F1A0C5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7125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351E0BD-F53A-4A01-BAD5-6279ECC3BA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7" name="OTLSHAPE_TB_00000000000000000000000000000000_Separator8">
            <a:extLst>
              <a:ext uri="{FF2B5EF4-FFF2-40B4-BE49-F238E27FC236}">
                <a16:creationId xmlns:a16="http://schemas.microsoft.com/office/drawing/2014/main" id="{8924EDEB-AE2D-4B47-A743-9F4E2C24DD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465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TimescaleInterval9">
            <a:extLst>
              <a:ext uri="{FF2B5EF4-FFF2-40B4-BE49-F238E27FC236}">
                <a16:creationId xmlns:a16="http://schemas.microsoft.com/office/drawing/2014/main" id="{3001E294-AB98-4878-8813-44D989B947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" name="OTLSHAPE_TB_00000000000000000000000000000000_Separator9">
            <a:extLst>
              <a:ext uri="{FF2B5EF4-FFF2-40B4-BE49-F238E27FC236}">
                <a16:creationId xmlns:a16="http://schemas.microsoft.com/office/drawing/2014/main" id="{A87363D3-1C07-4E13-A944-A1351D90D2A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217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TimescaleInterval10">
            <a:extLst>
              <a:ext uri="{FF2B5EF4-FFF2-40B4-BE49-F238E27FC236}">
                <a16:creationId xmlns:a16="http://schemas.microsoft.com/office/drawing/2014/main" id="{5ED04FD4-EFBB-4ABD-801E-E17285E35F6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0">
            <a:extLst>
              <a:ext uri="{FF2B5EF4-FFF2-40B4-BE49-F238E27FC236}">
                <a16:creationId xmlns:a16="http://schemas.microsoft.com/office/drawing/2014/main" id="{4A8886FA-E7E4-4F03-B2A2-564B7C6020C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59702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11">
            <a:extLst>
              <a:ext uri="{FF2B5EF4-FFF2-40B4-BE49-F238E27FC236}">
                <a16:creationId xmlns:a16="http://schemas.microsoft.com/office/drawing/2014/main" id="{24039FDF-FEF4-4D8F-8CDC-08FDA5BC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1">
            <a:extLst>
              <a:ext uri="{FF2B5EF4-FFF2-40B4-BE49-F238E27FC236}">
                <a16:creationId xmlns:a16="http://schemas.microsoft.com/office/drawing/2014/main" id="{47DB7A4A-5F04-4C1C-AA29-6D71855DC92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47227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12">
            <a:extLst>
              <a:ext uri="{FF2B5EF4-FFF2-40B4-BE49-F238E27FC236}">
                <a16:creationId xmlns:a16="http://schemas.microsoft.com/office/drawing/2014/main" id="{6895AF84-44A2-4FBB-BA44-15AB3755DAD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8cc1ba62bc92479399f399f1daac8d07_Title">
            <a:extLst>
              <a:ext uri="{FF2B5EF4-FFF2-40B4-BE49-F238E27FC236}">
                <a16:creationId xmlns:a16="http://schemas.microsoft.com/office/drawing/2014/main" id="{F3AE1ED5-03AE-42D1-B270-4D7CC64F4B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91727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8cc1ba62bc92479399f399f1daac8d07_Date">
            <a:extLst>
              <a:ext uri="{FF2B5EF4-FFF2-40B4-BE49-F238E27FC236}">
                <a16:creationId xmlns:a16="http://schemas.microsoft.com/office/drawing/2014/main" id="{533139F3-3FD1-4FBA-AEAC-E89606352F7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9172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8cc1ba62bc92479399f399f1daac8d07_Shape">
            <a:extLst>
              <a:ext uri="{FF2B5EF4-FFF2-40B4-BE49-F238E27FC236}">
                <a16:creationId xmlns:a16="http://schemas.microsoft.com/office/drawing/2014/main" id="{C43D96CB-AB41-41D7-AC3C-0CD3A92855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94877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9" name="OTLSHAPE_M_051a32e4ff0e47229380669de64fe5ab_Title">
            <a:extLst>
              <a:ext uri="{FF2B5EF4-FFF2-40B4-BE49-F238E27FC236}">
                <a16:creationId xmlns:a16="http://schemas.microsoft.com/office/drawing/2014/main" id="{EB6BC583-ABB7-464D-BC41-1B9BBDDC639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30379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51a32e4ff0e47229380669de64fe5ab_Date">
            <a:extLst>
              <a:ext uri="{FF2B5EF4-FFF2-40B4-BE49-F238E27FC236}">
                <a16:creationId xmlns:a16="http://schemas.microsoft.com/office/drawing/2014/main" id="{2E2EC179-2DDF-487D-B819-0C1BB143220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03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051a32e4ff0e47229380669de64fe5ab_Shape">
            <a:extLst>
              <a:ext uri="{FF2B5EF4-FFF2-40B4-BE49-F238E27FC236}">
                <a16:creationId xmlns:a16="http://schemas.microsoft.com/office/drawing/2014/main" id="{7D1C450B-A3C9-4884-BF73-BAEE17C162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503352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M_9f860f8d65ee4aac85039f30c2ffcf33_Title">
            <a:extLst>
              <a:ext uri="{FF2B5EF4-FFF2-40B4-BE49-F238E27FC236}">
                <a16:creationId xmlns:a16="http://schemas.microsoft.com/office/drawing/2014/main" id="{2D469871-9DB9-4002-BC69-D13FE48B2E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37333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9f860f8d65ee4aac85039f30c2ffcf33_Date">
            <a:extLst>
              <a:ext uri="{FF2B5EF4-FFF2-40B4-BE49-F238E27FC236}">
                <a16:creationId xmlns:a16="http://schemas.microsoft.com/office/drawing/2014/main" id="{C9AD7D3F-852C-4654-B9BD-0D856A4FB2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373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9f860f8d65ee4aac85039f30c2ffcf33_Shape">
            <a:extLst>
              <a:ext uri="{FF2B5EF4-FFF2-40B4-BE49-F238E27FC236}">
                <a16:creationId xmlns:a16="http://schemas.microsoft.com/office/drawing/2014/main" id="{20A60BBA-02AB-498E-BEE5-5BC69BAF508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7440483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OTLSHAPE_M_2b147c48339f434892a5ef1836ea3597_Title">
            <a:extLst>
              <a:ext uri="{FF2B5EF4-FFF2-40B4-BE49-F238E27FC236}">
                <a16:creationId xmlns:a16="http://schemas.microsoft.com/office/drawing/2014/main" id="{14EC6DB4-9BC6-4932-81F8-96553167A27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00729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2b147c48339f434892a5ef1836ea3597_Date">
            <a:extLst>
              <a:ext uri="{FF2B5EF4-FFF2-40B4-BE49-F238E27FC236}">
                <a16:creationId xmlns:a16="http://schemas.microsoft.com/office/drawing/2014/main" id="{DC964A39-7F02-4516-8967-DD96A7B759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700729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2b147c48339f434892a5ef1836ea3597_Shape">
            <a:extLst>
              <a:ext uri="{FF2B5EF4-FFF2-40B4-BE49-F238E27FC236}">
                <a16:creationId xmlns:a16="http://schemas.microsoft.com/office/drawing/2014/main" id="{129E80EE-70BC-40AE-B672-9ECBE8E8C8D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10503879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OTLSHAPE_M_59b5ac8298c14cca9e65190bf60d5d05_Title">
            <a:extLst>
              <a:ext uri="{FF2B5EF4-FFF2-40B4-BE49-F238E27FC236}">
                <a16:creationId xmlns:a16="http://schemas.microsoft.com/office/drawing/2014/main" id="{7314932B-6FB3-43DF-A504-E9DD113F93E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357171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M_59b5ac8298c14cca9e65190bf60d5d05_Date">
            <a:extLst>
              <a:ext uri="{FF2B5EF4-FFF2-40B4-BE49-F238E27FC236}">
                <a16:creationId xmlns:a16="http://schemas.microsoft.com/office/drawing/2014/main" id="{F06E83AB-5198-48EF-BCC7-8B38B3EEFA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571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M_59b5ac8298c14cca9e65190bf60d5d05_Shape">
            <a:extLst>
              <a:ext uri="{FF2B5EF4-FFF2-40B4-BE49-F238E27FC236}">
                <a16:creationId xmlns:a16="http://schemas.microsoft.com/office/drawing/2014/main" id="{3C88DC30-218F-47C3-9951-39A1AF9650C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160321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1" name="OTLSHAPE_T_5a184d61f5e2438db63ae5802af9b305_Shape">
            <a:extLst>
              <a:ext uri="{FF2B5EF4-FFF2-40B4-BE49-F238E27FC236}">
                <a16:creationId xmlns:a16="http://schemas.microsoft.com/office/drawing/2014/main" id="{5B4EA89B-EA69-4CA8-B818-59A817F3DFF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2" name="OTLSHAPE_T_5a184d61f5e2438db63ae5802af9b305_ShapePercentage" hidden="1">
            <a:extLst>
              <a:ext uri="{FF2B5EF4-FFF2-40B4-BE49-F238E27FC236}">
                <a16:creationId xmlns:a16="http://schemas.microsoft.com/office/drawing/2014/main" id="{52E208D6-E04D-4A08-BB5D-07821A54160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5a184d61f5e2438db63ae5802af9b305_Duration" hidden="1">
            <a:extLst>
              <a:ext uri="{FF2B5EF4-FFF2-40B4-BE49-F238E27FC236}">
                <a16:creationId xmlns:a16="http://schemas.microsoft.com/office/drawing/2014/main" id="{395A6AC0-515D-44D8-8629-762E4716EC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4" name="OTLSHAPE_T_5a184d61f5e2438db63ae5802af9b305_TextPercentage" hidden="1">
            <a:extLst>
              <a:ext uri="{FF2B5EF4-FFF2-40B4-BE49-F238E27FC236}">
                <a16:creationId xmlns:a16="http://schemas.microsoft.com/office/drawing/2014/main" id="{435ED693-8834-4455-8B28-01C975BC04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5a184d61f5e2438db63ae5802af9b305_StartDate" hidden="1">
            <a:extLst>
              <a:ext uri="{FF2B5EF4-FFF2-40B4-BE49-F238E27FC236}">
                <a16:creationId xmlns:a16="http://schemas.microsoft.com/office/drawing/2014/main" id="{DF374FAC-FBF4-4444-9615-2B13161800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a184d61f5e2438db63ae5802af9b305_EndDate" hidden="1">
            <a:extLst>
              <a:ext uri="{FF2B5EF4-FFF2-40B4-BE49-F238E27FC236}">
                <a16:creationId xmlns:a16="http://schemas.microsoft.com/office/drawing/2014/main" id="{A3885EA6-81B7-4BD7-B7E3-95DD9BBB499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5a184d61f5e2438db63ae5802af9b305_JoinedDate">
            <a:extLst>
              <a:ext uri="{FF2B5EF4-FFF2-40B4-BE49-F238E27FC236}">
                <a16:creationId xmlns:a16="http://schemas.microsoft.com/office/drawing/2014/main" id="{33B10EA4-3AE1-4CF2-BC0C-1DAA9643BA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0881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5a184d61f5e2438db63ae5802af9b305_Title">
            <a:extLst>
              <a:ext uri="{FF2B5EF4-FFF2-40B4-BE49-F238E27FC236}">
                <a16:creationId xmlns:a16="http://schemas.microsoft.com/office/drawing/2014/main" id="{D3FD3AFE-6F0A-4459-B4AF-F986354D10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0c43ef4a38ab46e5bbc576f52f3f63fc_Shape">
            <a:extLst>
              <a:ext uri="{FF2B5EF4-FFF2-40B4-BE49-F238E27FC236}">
                <a16:creationId xmlns:a16="http://schemas.microsoft.com/office/drawing/2014/main" id="{5A675F26-F6C6-4A0D-8DC0-D92AAD03219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0" name="OTLSHAPE_T_0c43ef4a38ab46e5bbc576f52f3f63fc_ShapePercentage" hidden="1">
            <a:extLst>
              <a:ext uri="{FF2B5EF4-FFF2-40B4-BE49-F238E27FC236}">
                <a16:creationId xmlns:a16="http://schemas.microsoft.com/office/drawing/2014/main" id="{6AA3BFF9-4387-40B0-A870-D87809F319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0c43ef4a38ab46e5bbc576f52f3f63fc_Duration" hidden="1">
            <a:extLst>
              <a:ext uri="{FF2B5EF4-FFF2-40B4-BE49-F238E27FC236}">
                <a16:creationId xmlns:a16="http://schemas.microsoft.com/office/drawing/2014/main" id="{A414F354-B246-463A-BED7-C2CFEEA6FD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2" name="OTLSHAPE_T_0c43ef4a38ab46e5bbc576f52f3f63fc_TextPercentage" hidden="1">
            <a:extLst>
              <a:ext uri="{FF2B5EF4-FFF2-40B4-BE49-F238E27FC236}">
                <a16:creationId xmlns:a16="http://schemas.microsoft.com/office/drawing/2014/main" id="{751BA2C6-347D-4C76-BEE1-4C1322DE91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tartDate" hidden="1">
            <a:extLst>
              <a:ext uri="{FF2B5EF4-FFF2-40B4-BE49-F238E27FC236}">
                <a16:creationId xmlns:a16="http://schemas.microsoft.com/office/drawing/2014/main" id="{A304B586-2BB8-438A-A991-772B1288FE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0c43ef4a38ab46e5bbc576f52f3f63fc_EndDate" hidden="1">
            <a:extLst>
              <a:ext uri="{FF2B5EF4-FFF2-40B4-BE49-F238E27FC236}">
                <a16:creationId xmlns:a16="http://schemas.microsoft.com/office/drawing/2014/main" id="{9AFE0F66-B04A-4A23-ABB7-53B238544D7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JoinedDate">
            <a:extLst>
              <a:ext uri="{FF2B5EF4-FFF2-40B4-BE49-F238E27FC236}">
                <a16:creationId xmlns:a16="http://schemas.microsoft.com/office/drawing/2014/main" id="{41AD1DD0-BB6C-4CDC-A5AC-458E98E71E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96137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7/2017 - 2/14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0c43ef4a38ab46e5bbc576f52f3f63fc_Title">
            <a:extLst>
              <a:ext uri="{FF2B5EF4-FFF2-40B4-BE49-F238E27FC236}">
                <a16:creationId xmlns:a16="http://schemas.microsoft.com/office/drawing/2014/main" id="{EA4B9F17-E924-4FBB-8ABE-9E8350A14FD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f025863b5434f9ca6f083d56cac4820_Shape">
            <a:extLst>
              <a:ext uri="{FF2B5EF4-FFF2-40B4-BE49-F238E27FC236}">
                <a16:creationId xmlns:a16="http://schemas.microsoft.com/office/drawing/2014/main" id="{FF314BC4-D2BF-4DDA-975E-6C4A65D8891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7f025863b5434f9ca6f083d56cac4820_ShapePercentage" hidden="1">
            <a:extLst>
              <a:ext uri="{FF2B5EF4-FFF2-40B4-BE49-F238E27FC236}">
                <a16:creationId xmlns:a16="http://schemas.microsoft.com/office/drawing/2014/main" id="{FD7CA0CF-E28C-4243-B882-3EA0F2688E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9" name="OTLSHAPE_T_7f025863b5434f9ca6f083d56cac4820_Duration" hidden="1">
            <a:extLst>
              <a:ext uri="{FF2B5EF4-FFF2-40B4-BE49-F238E27FC236}">
                <a16:creationId xmlns:a16="http://schemas.microsoft.com/office/drawing/2014/main" id="{0DAC947D-A643-4BC1-9B52-77698C4C0B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0" name="OTLSHAPE_T_7f025863b5434f9ca6f083d56cac4820_TextPercentage" hidden="1">
            <a:extLst>
              <a:ext uri="{FF2B5EF4-FFF2-40B4-BE49-F238E27FC236}">
                <a16:creationId xmlns:a16="http://schemas.microsoft.com/office/drawing/2014/main" id="{9127A700-FD06-4193-9B02-F452B579F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f025863b5434f9ca6f083d56cac4820_StartDate" hidden="1">
            <a:extLst>
              <a:ext uri="{FF2B5EF4-FFF2-40B4-BE49-F238E27FC236}">
                <a16:creationId xmlns:a16="http://schemas.microsoft.com/office/drawing/2014/main" id="{F3C2AC99-BE48-4050-9FFC-EA54FF56A0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f025863b5434f9ca6f083d56cac4820_EndDate" hidden="1">
            <a:extLst>
              <a:ext uri="{FF2B5EF4-FFF2-40B4-BE49-F238E27FC236}">
                <a16:creationId xmlns:a16="http://schemas.microsoft.com/office/drawing/2014/main" id="{0CE562E6-E009-410F-A6BC-7B530CCF8C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f025863b5434f9ca6f083d56cac4820_JoinedDate">
            <a:extLst>
              <a:ext uri="{FF2B5EF4-FFF2-40B4-BE49-F238E27FC236}">
                <a16:creationId xmlns:a16="http://schemas.microsoft.com/office/drawing/2014/main" id="{3BFC6EBB-6299-4232-A82B-48F11268FF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27835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17/2017 - 2/21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f025863b5434f9ca6f083d56cac4820_Title">
            <a:extLst>
              <a:ext uri="{FF2B5EF4-FFF2-40B4-BE49-F238E27FC236}">
                <a16:creationId xmlns:a16="http://schemas.microsoft.com/office/drawing/2014/main" id="{8454C318-B120-46DF-A13A-7F4748B0D8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87ee498b9b024e72a9fd4bf0b93a907e_Shape">
            <a:extLst>
              <a:ext uri="{FF2B5EF4-FFF2-40B4-BE49-F238E27FC236}">
                <a16:creationId xmlns:a16="http://schemas.microsoft.com/office/drawing/2014/main" id="{24A68D06-D930-47A4-A9E5-352D14D13C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6" name="OTLSHAPE_T_87ee498b9b024e72a9fd4bf0b93a907e_ShapePercentage" hidden="1">
            <a:extLst>
              <a:ext uri="{FF2B5EF4-FFF2-40B4-BE49-F238E27FC236}">
                <a16:creationId xmlns:a16="http://schemas.microsoft.com/office/drawing/2014/main" id="{A8C13A7F-230F-4408-9941-A9CCA129498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87ee498b9b024e72a9fd4bf0b93a907e_Duration" hidden="1">
            <a:extLst>
              <a:ext uri="{FF2B5EF4-FFF2-40B4-BE49-F238E27FC236}">
                <a16:creationId xmlns:a16="http://schemas.microsoft.com/office/drawing/2014/main" id="{D9990C2A-6C91-4B9B-94F9-028241F556D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8" name="OTLSHAPE_T_87ee498b9b024e72a9fd4bf0b93a907e_TextPercentage" hidden="1">
            <a:extLst>
              <a:ext uri="{FF2B5EF4-FFF2-40B4-BE49-F238E27FC236}">
                <a16:creationId xmlns:a16="http://schemas.microsoft.com/office/drawing/2014/main" id="{EF033931-6CED-4891-865C-9D03538108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87ee498b9b024e72a9fd4bf0b93a907e_StartDate" hidden="1">
            <a:extLst>
              <a:ext uri="{FF2B5EF4-FFF2-40B4-BE49-F238E27FC236}">
                <a16:creationId xmlns:a16="http://schemas.microsoft.com/office/drawing/2014/main" id="{26B4DAAE-9757-4AB4-8CD2-7CE11EF826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87ee498b9b024e72a9fd4bf0b93a907e_EndDate" hidden="1">
            <a:extLst>
              <a:ext uri="{FF2B5EF4-FFF2-40B4-BE49-F238E27FC236}">
                <a16:creationId xmlns:a16="http://schemas.microsoft.com/office/drawing/2014/main" id="{CFE14788-3FE6-4CA2-AD4E-0EA9672E4F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87ee498b9b024e72a9fd4bf0b93a907e_JoinedDate">
            <a:extLst>
              <a:ext uri="{FF2B5EF4-FFF2-40B4-BE49-F238E27FC236}">
                <a16:creationId xmlns:a16="http://schemas.microsoft.com/office/drawing/2014/main" id="{71E3CEB8-BCF6-41D7-8755-66EA563FD7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0719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2/2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87ee498b9b024e72a9fd4bf0b93a907e_Title">
            <a:extLst>
              <a:ext uri="{FF2B5EF4-FFF2-40B4-BE49-F238E27FC236}">
                <a16:creationId xmlns:a16="http://schemas.microsoft.com/office/drawing/2014/main" id="{EDB12A90-8025-4340-9810-03A0A50D2C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3d5524b220ea4232b2aca4dceb1fd24f_Shape">
            <a:extLst>
              <a:ext uri="{FF2B5EF4-FFF2-40B4-BE49-F238E27FC236}">
                <a16:creationId xmlns:a16="http://schemas.microsoft.com/office/drawing/2014/main" id="{D9A80161-2C8F-4933-8197-411194821EE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4" name="OTLSHAPE_T_3d5524b220ea4232b2aca4dceb1fd24f_ShapePercentage" hidden="1">
            <a:extLst>
              <a:ext uri="{FF2B5EF4-FFF2-40B4-BE49-F238E27FC236}">
                <a16:creationId xmlns:a16="http://schemas.microsoft.com/office/drawing/2014/main" id="{D8B0EC9E-9D5B-49B9-A049-04F36B1CD1F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5" name="OTLSHAPE_T_3d5524b220ea4232b2aca4dceb1fd24f_Duration" hidden="1">
            <a:extLst>
              <a:ext uri="{FF2B5EF4-FFF2-40B4-BE49-F238E27FC236}">
                <a16:creationId xmlns:a16="http://schemas.microsoft.com/office/drawing/2014/main" id="{F555B347-91B7-4C8D-B7AD-E5F5F24E18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9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66" name="OTLSHAPE_T_3d5524b220ea4232b2aca4dceb1fd24f_TextPercentage" hidden="1">
            <a:extLst>
              <a:ext uri="{FF2B5EF4-FFF2-40B4-BE49-F238E27FC236}">
                <a16:creationId xmlns:a16="http://schemas.microsoft.com/office/drawing/2014/main" id="{B19AE50F-85CA-4733-922C-F323DBC241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3d5524b220ea4232b2aca4dceb1fd24f_StartDate" hidden="1">
            <a:extLst>
              <a:ext uri="{FF2B5EF4-FFF2-40B4-BE49-F238E27FC236}">
                <a16:creationId xmlns:a16="http://schemas.microsoft.com/office/drawing/2014/main" id="{099F8C9E-8DBD-44AA-9F07-1FCFD3A144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3d5524b220ea4232b2aca4dceb1fd24f_EndDate" hidden="1">
            <a:extLst>
              <a:ext uri="{FF2B5EF4-FFF2-40B4-BE49-F238E27FC236}">
                <a16:creationId xmlns:a16="http://schemas.microsoft.com/office/drawing/2014/main" id="{E86D6360-B893-404E-8EB7-F33E298B954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3d5524b220ea4232b2aca4dceb1fd24f_JoinedDate">
            <a:extLst>
              <a:ext uri="{FF2B5EF4-FFF2-40B4-BE49-F238E27FC236}">
                <a16:creationId xmlns:a16="http://schemas.microsoft.com/office/drawing/2014/main" id="{8092EF3C-5F51-4499-AF7A-409EDA65F1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72417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6/2017 - 3/6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3d5524b220ea4232b2aca4dceb1fd24f_Title">
            <a:extLst>
              <a:ext uri="{FF2B5EF4-FFF2-40B4-BE49-F238E27FC236}">
                <a16:creationId xmlns:a16="http://schemas.microsoft.com/office/drawing/2014/main" id="{07422D5D-8109-4135-AF5A-66AF1C5374E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73a753fc3eb04cce8a74f5f2ee475fdf_Shape">
            <a:extLst>
              <a:ext uri="{FF2B5EF4-FFF2-40B4-BE49-F238E27FC236}">
                <a16:creationId xmlns:a16="http://schemas.microsoft.com/office/drawing/2014/main" id="{7EE742FC-8589-4E27-BB8B-7B2FAC2CF1E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2" name="OTLSHAPE_T_73a753fc3eb04cce8a74f5f2ee475fdf_ShapePercentage" hidden="1">
            <a:extLst>
              <a:ext uri="{FF2B5EF4-FFF2-40B4-BE49-F238E27FC236}">
                <a16:creationId xmlns:a16="http://schemas.microsoft.com/office/drawing/2014/main" id="{F44BE1CB-59F2-4E52-8A64-80DBAC0DEB2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3" name="OTLSHAPE_T_73a753fc3eb04cce8a74f5f2ee475fdf_Duration" hidden="1">
            <a:extLst>
              <a:ext uri="{FF2B5EF4-FFF2-40B4-BE49-F238E27FC236}">
                <a16:creationId xmlns:a16="http://schemas.microsoft.com/office/drawing/2014/main" id="{12C76AF4-4AC7-4435-B332-EADBE68217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2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74" name="OTLSHAPE_T_73a753fc3eb04cce8a74f5f2ee475fdf_TextPercentage" hidden="1">
            <a:extLst>
              <a:ext uri="{FF2B5EF4-FFF2-40B4-BE49-F238E27FC236}">
                <a16:creationId xmlns:a16="http://schemas.microsoft.com/office/drawing/2014/main" id="{EFD73AF6-021C-4120-A67E-B3EE0D3D2C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73a753fc3eb04cce8a74f5f2ee475fdf_StartDate" hidden="1">
            <a:extLst>
              <a:ext uri="{FF2B5EF4-FFF2-40B4-BE49-F238E27FC236}">
                <a16:creationId xmlns:a16="http://schemas.microsoft.com/office/drawing/2014/main" id="{7A539265-953F-437E-8F07-F25A1D2817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73a753fc3eb04cce8a74f5f2ee475fdf_EndDate" hidden="1">
            <a:extLst>
              <a:ext uri="{FF2B5EF4-FFF2-40B4-BE49-F238E27FC236}">
                <a16:creationId xmlns:a16="http://schemas.microsoft.com/office/drawing/2014/main" id="{27BA4C46-E1DE-42E9-83CC-66166E628C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73a753fc3eb04cce8a74f5f2ee475fdf_JoinedDate">
            <a:extLst>
              <a:ext uri="{FF2B5EF4-FFF2-40B4-BE49-F238E27FC236}">
                <a16:creationId xmlns:a16="http://schemas.microsoft.com/office/drawing/2014/main" id="{EBCB01D5-109B-4D08-8DDC-6412634D072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91231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73a753fc3eb04cce8a74f5f2ee475fdf_Title">
            <a:extLst>
              <a:ext uri="{FF2B5EF4-FFF2-40B4-BE49-F238E27FC236}">
                <a16:creationId xmlns:a16="http://schemas.microsoft.com/office/drawing/2014/main" id="{ECA77002-E385-40DA-ADC5-5E6FAF978C7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the dates, times, colors and shapes of your milestones and tasks.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Select any object on the timeline to customize it from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on the right.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empl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select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Cre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d the timeline to your custom template gallery.</a:t>
            </a: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65681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8" name="OTLSHAPE_T_22f39fb829944911aac60ff29587efd4_HorizontalConnector1">
            <a:extLst>
              <a:ext uri="{FF2B5EF4-FFF2-40B4-BE49-F238E27FC236}">
                <a16:creationId xmlns:a16="http://schemas.microsoft.com/office/drawing/2014/main" id="{9C54EC85-88FD-4025-8C34-5A68DE53067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790022" y="6447155"/>
            <a:ext cx="752204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" name="OTLSHAPE_T_55871566acb4479fa593c4d75faba5f3_HorizontalConnector1">
            <a:extLst>
              <a:ext uri="{FF2B5EF4-FFF2-40B4-BE49-F238E27FC236}">
                <a16:creationId xmlns:a16="http://schemas.microsoft.com/office/drawing/2014/main" id="{DA6E11E3-5120-43D3-A425-BCF40264902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845225" y="6180455"/>
            <a:ext cx="585880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6" name="OTLSHAPE_T_e676dd5c8d65477588b6d56b4e73ee0c_HorizontalConnector1">
            <a:extLst>
              <a:ext uri="{FF2B5EF4-FFF2-40B4-BE49-F238E27FC236}">
                <a16:creationId xmlns:a16="http://schemas.microsoft.com/office/drawing/2014/main" id="{FD93548A-EBE2-4C3A-8A3B-91B61B84E5B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39342" y="5913755"/>
            <a:ext cx="4587392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5" name="OTLSHAPE_T_82fb3c45ae5f4c1ea8eb25fb96b27648_HorizontalConnector1">
            <a:extLst>
              <a:ext uri="{FF2B5EF4-FFF2-40B4-BE49-F238E27FC236}">
                <a16:creationId xmlns:a16="http://schemas.microsoft.com/office/drawing/2014/main" id="{505B60D8-FDF9-44F0-9AF6-183D97FF162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39342" y="5647055"/>
            <a:ext cx="297935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4" name="OTLSHAPE_T_27ae47589bac40d38409405d5a28c9b6_HorizontalConnector1">
            <a:extLst>
              <a:ext uri="{FF2B5EF4-FFF2-40B4-BE49-F238E27FC236}">
                <a16:creationId xmlns:a16="http://schemas.microsoft.com/office/drawing/2014/main" id="{8BE20675-4F84-43ED-9DC4-8038DE89306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199642" y="5380355"/>
            <a:ext cx="311905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3" name="OTLSHAPE_T_382ddf7c49ae41a9a896b68233bb860b_HorizontalConnector1">
            <a:extLst>
              <a:ext uri="{FF2B5EF4-FFF2-40B4-BE49-F238E27FC236}">
                <a16:creationId xmlns:a16="http://schemas.microsoft.com/office/drawing/2014/main" id="{202CE5E9-D40F-4B61-A6C7-917A8843710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685756" y="5113655"/>
            <a:ext cx="237904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2" name="OTLSHAPE_T_75dffbd02c41442183b720bbfa1c3d22_HorizontalConnector1">
            <a:extLst>
              <a:ext uri="{FF2B5EF4-FFF2-40B4-BE49-F238E27FC236}">
                <a16:creationId xmlns:a16="http://schemas.microsoft.com/office/drawing/2014/main" id="{D50726CC-EFC9-42AF-B8F5-4E49428AC78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447461" y="4846955"/>
            <a:ext cx="23634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" name="OTLSHAPE_T_d5cd6d2f98024f49adcf10a7c42fbeff_HorizontalConnector1">
            <a:extLst>
              <a:ext uri="{FF2B5EF4-FFF2-40B4-BE49-F238E27FC236}">
                <a16:creationId xmlns:a16="http://schemas.microsoft.com/office/drawing/2014/main" id="{557B715B-51AB-494C-BE69-DAE17070C31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790023" y="4580255"/>
            <a:ext cx="176697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" name="OTLSHAPE_T_d447ea458d95438995f5caa9b91329cc_HorizontalConnector1">
            <a:extLst>
              <a:ext uri="{FF2B5EF4-FFF2-40B4-BE49-F238E27FC236}">
                <a16:creationId xmlns:a16="http://schemas.microsoft.com/office/drawing/2014/main" id="{68511FE2-33D7-41EB-9034-6C09195CD2B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647190" y="4313555"/>
            <a:ext cx="190981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7" name="OTLSHAPE_TB_00000000000000000000000000000000_LeftEndCaps">
            <a:extLst>
              <a:ext uri="{FF2B5EF4-FFF2-40B4-BE49-F238E27FC236}">
                <a16:creationId xmlns:a16="http://schemas.microsoft.com/office/drawing/2014/main" id="{C4829A30-5E90-42EA-AFF2-36D5BB4B9B8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8" name="OTLSHAPE_TB_00000000000000000000000000000000_RightEndCaps">
            <a:extLst>
              <a:ext uri="{FF2B5EF4-FFF2-40B4-BE49-F238E27FC236}">
                <a16:creationId xmlns:a16="http://schemas.microsoft.com/office/drawing/2014/main" id="{4F1AAF7F-032B-4808-8E8A-689B6ACD2CC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9" name="OTLSHAPE_TB_00000000000000000000000000000000_ScaleContainer">
            <a:extLst>
              <a:ext uri="{FF2B5EF4-FFF2-40B4-BE49-F238E27FC236}">
                <a16:creationId xmlns:a16="http://schemas.microsoft.com/office/drawing/2014/main" id="{32A485E1-A671-4B36-BAFF-1DA53D76A0D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70" name="OTLSHAPE_TB_00000000000000000000000000000000_ElapsedTime">
            <a:extLst>
              <a:ext uri="{FF2B5EF4-FFF2-40B4-BE49-F238E27FC236}">
                <a16:creationId xmlns:a16="http://schemas.microsoft.com/office/drawing/2014/main" id="{AF24C522-8D03-4626-8D07-6C846415F8B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4051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71" name="OTLSHAPE_TB_00000000000000000000000000000000_TodayMarkerShape">
            <a:extLst>
              <a:ext uri="{FF2B5EF4-FFF2-40B4-BE49-F238E27FC236}">
                <a16:creationId xmlns:a16="http://schemas.microsoft.com/office/drawing/2014/main" id="{FEC4C437-B9DC-4517-8349-94E3DCFF598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928654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72" name="OTLSHAPE_TB_00000000000000000000000000000000_TodayMarkerText">
            <a:extLst>
              <a:ext uri="{FF2B5EF4-FFF2-40B4-BE49-F238E27FC236}">
                <a16:creationId xmlns:a16="http://schemas.microsoft.com/office/drawing/2014/main" id="{617A9D50-4E16-47F3-9567-94FF18AE9C6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30683" y="3556000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873" name="OTLSHAPE_TB_00000000000000000000000000000000_TimescaleInterval1">
            <a:extLst>
              <a:ext uri="{FF2B5EF4-FFF2-40B4-BE49-F238E27FC236}">
                <a16:creationId xmlns:a16="http://schemas.microsoft.com/office/drawing/2014/main" id="{76444FE0-A8B0-4026-A10D-726B47D4CB1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4" name="OTLSHAPE_TB_00000000000000000000000000000000_Separator1">
            <a:extLst>
              <a:ext uri="{FF2B5EF4-FFF2-40B4-BE49-F238E27FC236}">
                <a16:creationId xmlns:a16="http://schemas.microsoft.com/office/drawing/2014/main" id="{35E7CD83-1F3B-46B9-BC50-501845ED840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569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5" name="OTLSHAPE_TB_00000000000000000000000000000000_TimescaleInterval2">
            <a:extLst>
              <a:ext uri="{FF2B5EF4-FFF2-40B4-BE49-F238E27FC236}">
                <a16:creationId xmlns:a16="http://schemas.microsoft.com/office/drawing/2014/main" id="{0EF2E016-D803-4ED8-BEA6-E400D455734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620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6" name="OTLSHAPE_TB_00000000000000000000000000000000_Separator2">
            <a:extLst>
              <a:ext uri="{FF2B5EF4-FFF2-40B4-BE49-F238E27FC236}">
                <a16:creationId xmlns:a16="http://schemas.microsoft.com/office/drawing/2014/main" id="{A816F6D2-87FC-4168-8A94-607BE60E47D4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096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7" name="OTLSHAPE_TB_00000000000000000000000000000000_TimescaleInterval3">
            <a:extLst>
              <a:ext uri="{FF2B5EF4-FFF2-40B4-BE49-F238E27FC236}">
                <a16:creationId xmlns:a16="http://schemas.microsoft.com/office/drawing/2014/main" id="{ED233059-4BD2-402C-A2F5-8EBE4FC308C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159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8" name="OTLSHAPE_TB_00000000000000000000000000000000_Separator3">
            <a:extLst>
              <a:ext uri="{FF2B5EF4-FFF2-40B4-BE49-F238E27FC236}">
                <a16:creationId xmlns:a16="http://schemas.microsoft.com/office/drawing/2014/main" id="{E425AE86-E4BC-48A5-BB85-CC8736DCCAD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71963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9" name="OTLSHAPE_TB_00000000000000000000000000000000_TimescaleInterval4">
            <a:extLst>
              <a:ext uri="{FF2B5EF4-FFF2-40B4-BE49-F238E27FC236}">
                <a16:creationId xmlns:a16="http://schemas.microsoft.com/office/drawing/2014/main" id="{7C36E377-ACE6-4220-9765-7247C1B300D5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8313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22a4f0d76806446789e8d0dc63898e9a_Shape">
            <a:extLst>
              <a:ext uri="{FF2B5EF4-FFF2-40B4-BE49-F238E27FC236}">
                <a16:creationId xmlns:a16="http://schemas.microsoft.com/office/drawing/2014/main" id="{C9A54FFC-E4FC-42AD-96F7-E38BBE655DA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56532" y="3945255"/>
            <a:ext cx="2209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0" name="OTLSHAPE_T_22a4f0d76806446789e8d0dc63898e9a_ShapePercentage" hidden="1">
            <a:extLst>
              <a:ext uri="{FF2B5EF4-FFF2-40B4-BE49-F238E27FC236}">
                <a16:creationId xmlns:a16="http://schemas.microsoft.com/office/drawing/2014/main" id="{EF21BF0B-372E-4650-AB69-60F576498D6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5653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1" name="OTLSHAPE_T_22a4f0d76806446789e8d0dc63898e9a_Duration" hidden="1">
            <a:extLst>
              <a:ext uri="{FF2B5EF4-FFF2-40B4-BE49-F238E27FC236}">
                <a16:creationId xmlns:a16="http://schemas.microsoft.com/office/drawing/2014/main" id="{BB90448E-D5A7-467A-9E86-562D29D3734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945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892" name="OTLSHAPE_T_22a4f0d76806446789e8d0dc63898e9a_TextPercentage" hidden="1">
            <a:extLst>
              <a:ext uri="{FF2B5EF4-FFF2-40B4-BE49-F238E27FC236}">
                <a16:creationId xmlns:a16="http://schemas.microsoft.com/office/drawing/2014/main" id="{99ED1F74-009E-47FE-BE58-4451D966AB7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3" name="OTLSHAPE_T_22a4f0d76806446789e8d0dc63898e9a_StartDate" hidden="1">
            <a:extLst>
              <a:ext uri="{FF2B5EF4-FFF2-40B4-BE49-F238E27FC236}">
                <a16:creationId xmlns:a16="http://schemas.microsoft.com/office/drawing/2014/main" id="{5F578559-BCFA-4047-8991-99984E39A83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22a4f0d76806446789e8d0dc63898e9a_EndDate" hidden="1">
            <a:extLst>
              <a:ext uri="{FF2B5EF4-FFF2-40B4-BE49-F238E27FC236}">
                <a16:creationId xmlns:a16="http://schemas.microsoft.com/office/drawing/2014/main" id="{602BD1B8-CB36-4AC2-83CA-F9BBDFE2284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5" name="OTLSHAPE_T_22a4f0d76806446789e8d0dc63898e9a_JoinedDate">
            <a:extLst>
              <a:ext uri="{FF2B5EF4-FFF2-40B4-BE49-F238E27FC236}">
                <a16:creationId xmlns:a16="http://schemas.microsoft.com/office/drawing/2014/main" id="{6BE7FB8F-B0DB-41FC-A453-93A133B7075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607741" y="39693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22a4f0d76806446789e8d0dc63898e9a_Title">
            <a:extLst>
              <a:ext uri="{FF2B5EF4-FFF2-40B4-BE49-F238E27FC236}">
                <a16:creationId xmlns:a16="http://schemas.microsoft.com/office/drawing/2014/main" id="{13DEA0DD-F070-46B9-8032-D7ED083F617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0" y="39615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897" name="OTLSHAPE_T_d447ea458d95438995f5caa9b91329cc_Shape">
            <a:extLst>
              <a:ext uri="{FF2B5EF4-FFF2-40B4-BE49-F238E27FC236}">
                <a16:creationId xmlns:a16="http://schemas.microsoft.com/office/drawing/2014/main" id="{5B437159-1302-4067-AA3F-C14E8CA20BB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557000" y="4211955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8" name="OTLSHAPE_T_d447ea458d95438995f5caa9b91329cc_ShapePercentage" hidden="1">
            <a:extLst>
              <a:ext uri="{FF2B5EF4-FFF2-40B4-BE49-F238E27FC236}">
                <a16:creationId xmlns:a16="http://schemas.microsoft.com/office/drawing/2014/main" id="{25176743-CFC2-4295-9AB3-B0CBF791340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57000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899" name="OTLSHAPE_T_d447ea458d95438995f5caa9b91329cc_Duration" hidden="1">
            <a:extLst>
              <a:ext uri="{FF2B5EF4-FFF2-40B4-BE49-F238E27FC236}">
                <a16:creationId xmlns:a16="http://schemas.microsoft.com/office/drawing/2014/main" id="{203E7FDC-1DB0-4E01-9A0A-3ECDF11C73E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4211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00" name="OTLSHAPE_T_d447ea458d95438995f5caa9b91329cc_TextPercentage" hidden="1">
            <a:extLst>
              <a:ext uri="{FF2B5EF4-FFF2-40B4-BE49-F238E27FC236}">
                <a16:creationId xmlns:a16="http://schemas.microsoft.com/office/drawing/2014/main" id="{4902243B-0FC8-419B-820B-02D995B6A98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1" name="OTLSHAPE_T_d447ea458d95438995f5caa9b91329cc_StartDate" hidden="1">
            <a:extLst>
              <a:ext uri="{FF2B5EF4-FFF2-40B4-BE49-F238E27FC236}">
                <a16:creationId xmlns:a16="http://schemas.microsoft.com/office/drawing/2014/main" id="{80E86FC8-2E5A-4B7A-9AAC-0A9053F5553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d447ea458d95438995f5caa9b91329cc_EndDate" hidden="1">
            <a:extLst>
              <a:ext uri="{FF2B5EF4-FFF2-40B4-BE49-F238E27FC236}">
                <a16:creationId xmlns:a16="http://schemas.microsoft.com/office/drawing/2014/main" id="{434AA00C-87EA-4BB3-AA1C-66CDB5F24B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3" name="OTLSHAPE_T_d447ea458d95438995f5caa9b91329cc_JoinedDate">
            <a:extLst>
              <a:ext uri="{FF2B5EF4-FFF2-40B4-BE49-F238E27FC236}">
                <a16:creationId xmlns:a16="http://schemas.microsoft.com/office/drawing/2014/main" id="{2ABE438D-6F30-4472-B014-C3B525B47F4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454075" y="42360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d447ea458d95438995f5caa9b91329cc_Title">
            <a:extLst>
              <a:ext uri="{FF2B5EF4-FFF2-40B4-BE49-F238E27FC236}">
                <a16:creationId xmlns:a16="http://schemas.microsoft.com/office/drawing/2014/main" id="{E7807632-931E-489D-8B2F-4D0E285429F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422829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905" name="OTLSHAPE_T_d5cd6d2f98024f49adcf10a7c42fbeff_Shape">
            <a:extLst>
              <a:ext uri="{FF2B5EF4-FFF2-40B4-BE49-F238E27FC236}">
                <a16:creationId xmlns:a16="http://schemas.microsoft.com/office/drawing/2014/main" id="{AF8A4321-671D-419D-AC77-647CCCBD7EF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57000" y="4478655"/>
            <a:ext cx="254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06" name="OTLSHAPE_T_d5cd6d2f98024f49adcf10a7c42fbeff_ShapePercentage" hidden="1">
            <a:extLst>
              <a:ext uri="{FF2B5EF4-FFF2-40B4-BE49-F238E27FC236}">
                <a16:creationId xmlns:a16="http://schemas.microsoft.com/office/drawing/2014/main" id="{D1A04803-6EEE-4352-BCA9-0F2ACE80C43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557000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07" name="OTLSHAPE_T_d5cd6d2f98024f49adcf10a7c42fbeff_Duration" hidden="1">
            <a:extLst>
              <a:ext uri="{FF2B5EF4-FFF2-40B4-BE49-F238E27FC236}">
                <a16:creationId xmlns:a16="http://schemas.microsoft.com/office/drawing/2014/main" id="{AD9C239F-069C-4623-B16F-0A1119731F0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478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08" name="OTLSHAPE_T_d5cd6d2f98024f49adcf10a7c42fbeff_TextPercentage" hidden="1">
            <a:extLst>
              <a:ext uri="{FF2B5EF4-FFF2-40B4-BE49-F238E27FC236}">
                <a16:creationId xmlns:a16="http://schemas.microsoft.com/office/drawing/2014/main" id="{2EFEE160-A5BC-4E12-91EA-98567762664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9" name="OTLSHAPE_T_d5cd6d2f98024f49adcf10a7c42fbeff_StartDate" hidden="1">
            <a:extLst>
              <a:ext uri="{FF2B5EF4-FFF2-40B4-BE49-F238E27FC236}">
                <a16:creationId xmlns:a16="http://schemas.microsoft.com/office/drawing/2014/main" id="{0AEDAC11-3278-497C-A548-46D991B4F58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d5cd6d2f98024f49adcf10a7c42fbeff_EndDate" hidden="1">
            <a:extLst>
              <a:ext uri="{FF2B5EF4-FFF2-40B4-BE49-F238E27FC236}">
                <a16:creationId xmlns:a16="http://schemas.microsoft.com/office/drawing/2014/main" id="{0D512C05-516D-48C3-8E33-76A237F81F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1" name="OTLSHAPE_T_d5cd6d2f98024f49adcf10a7c42fbeff_JoinedDate">
            <a:extLst>
              <a:ext uri="{FF2B5EF4-FFF2-40B4-BE49-F238E27FC236}">
                <a16:creationId xmlns:a16="http://schemas.microsoft.com/office/drawing/2014/main" id="{EB3DA251-437F-43D1-90C1-1FFE2C652B3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146742" y="45027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d5cd6d2f98024f49adcf10a7c42fbeff_Title">
            <a:extLst>
              <a:ext uri="{FF2B5EF4-FFF2-40B4-BE49-F238E27FC236}">
                <a16:creationId xmlns:a16="http://schemas.microsoft.com/office/drawing/2014/main" id="{5643BAA6-8ED5-4E8B-B632-04EC35CA3D1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0" y="44949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중간 보고서 작성 및 피드백</a:t>
            </a:r>
          </a:p>
        </p:txBody>
      </p:sp>
      <p:sp>
        <p:nvSpPr>
          <p:cNvPr id="913" name="OTLSHAPE_T_75dffbd02c41442183b720bbfa1c3d22_Shape">
            <a:extLst>
              <a:ext uri="{FF2B5EF4-FFF2-40B4-BE49-F238E27FC236}">
                <a16:creationId xmlns:a16="http://schemas.microsoft.com/office/drawing/2014/main" id="{B0CFD895-4F21-4953-9FF0-975A8D513DE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10900" y="4745355"/>
            <a:ext cx="596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14" name="OTLSHAPE_T_75dffbd02c41442183b720bbfa1c3d22_ShapePercentage" hidden="1">
            <a:extLst>
              <a:ext uri="{FF2B5EF4-FFF2-40B4-BE49-F238E27FC236}">
                <a16:creationId xmlns:a16="http://schemas.microsoft.com/office/drawing/2014/main" id="{945326E5-0761-4C56-9134-04AAA5C005F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1090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15" name="OTLSHAPE_T_75dffbd02c41442183b720bbfa1c3d22_Duration" hidden="1">
            <a:extLst>
              <a:ext uri="{FF2B5EF4-FFF2-40B4-BE49-F238E27FC236}">
                <a16:creationId xmlns:a16="http://schemas.microsoft.com/office/drawing/2014/main" id="{B79A5AB1-699D-4862-8C40-A53D32FB733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7453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16" name="OTLSHAPE_T_75dffbd02c41442183b720bbfa1c3d22_TextPercentage" hidden="1">
            <a:extLst>
              <a:ext uri="{FF2B5EF4-FFF2-40B4-BE49-F238E27FC236}">
                <a16:creationId xmlns:a16="http://schemas.microsoft.com/office/drawing/2014/main" id="{9E8CFCFD-85F6-4C14-B571-2452EA62570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7" name="OTLSHAPE_T_75dffbd02c41442183b720bbfa1c3d22_StartDate" hidden="1">
            <a:extLst>
              <a:ext uri="{FF2B5EF4-FFF2-40B4-BE49-F238E27FC236}">
                <a16:creationId xmlns:a16="http://schemas.microsoft.com/office/drawing/2014/main" id="{3A72107B-0CE9-4C9E-A302-7B260718391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75dffbd02c41442183b720bbfa1c3d22_EndDate" hidden="1">
            <a:extLst>
              <a:ext uri="{FF2B5EF4-FFF2-40B4-BE49-F238E27FC236}">
                <a16:creationId xmlns:a16="http://schemas.microsoft.com/office/drawing/2014/main" id="{5774D165-1639-4FDD-947F-5215A915B1E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9" name="OTLSHAPE_T_75dffbd02c41442183b720bbfa1c3d22_JoinedDate">
            <a:extLst>
              <a:ext uri="{FF2B5EF4-FFF2-40B4-BE49-F238E27FC236}">
                <a16:creationId xmlns:a16="http://schemas.microsoft.com/office/drawing/2014/main" id="{E6D93259-F8F1-40E7-BA49-BBD407975E7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454075" y="47694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4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75dffbd02c41442183b720bbfa1c3d22_Title">
            <a:extLst>
              <a:ext uri="{FF2B5EF4-FFF2-40B4-BE49-F238E27FC236}">
                <a16:creationId xmlns:a16="http://schemas.microsoft.com/office/drawing/2014/main" id="{3A0A2673-1053-48ED-B61C-5B4F502300F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4761696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안드로이드 모듈 개발</a:t>
            </a:r>
          </a:p>
        </p:txBody>
      </p:sp>
      <p:sp>
        <p:nvSpPr>
          <p:cNvPr id="921" name="OTLSHAPE_T_382ddf7c49ae41a9a896b68233bb860b_Shape">
            <a:extLst>
              <a:ext uri="{FF2B5EF4-FFF2-40B4-BE49-F238E27FC236}">
                <a16:creationId xmlns:a16="http://schemas.microsoft.com/office/drawing/2014/main" id="{2947232E-4BA6-4D05-8C90-4D7BC13B2E4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064800" y="5012055"/>
            <a:ext cx="11938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22" name="OTLSHAPE_T_382ddf7c49ae41a9a896b68233bb860b_ShapePercentage" hidden="1">
            <a:extLst>
              <a:ext uri="{FF2B5EF4-FFF2-40B4-BE49-F238E27FC236}">
                <a16:creationId xmlns:a16="http://schemas.microsoft.com/office/drawing/2014/main" id="{A09CE45A-E8FF-4D11-9CDD-5EC0A1C3BBE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064800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23" name="OTLSHAPE_T_382ddf7c49ae41a9a896b68233bb860b_Duration" hidden="1">
            <a:extLst>
              <a:ext uri="{FF2B5EF4-FFF2-40B4-BE49-F238E27FC236}">
                <a16:creationId xmlns:a16="http://schemas.microsoft.com/office/drawing/2014/main" id="{81EAB877-7E6E-4841-9BC9-D1C57DD8FB8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12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4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24" name="OTLSHAPE_T_382ddf7c49ae41a9a896b68233bb860b_TextPercentage" hidden="1">
            <a:extLst>
              <a:ext uri="{FF2B5EF4-FFF2-40B4-BE49-F238E27FC236}">
                <a16:creationId xmlns:a16="http://schemas.microsoft.com/office/drawing/2014/main" id="{291D2955-E14C-4DC1-9078-16E935E9094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5" name="OTLSHAPE_T_382ddf7c49ae41a9a896b68233bb860b_StartDate" hidden="1">
            <a:extLst>
              <a:ext uri="{FF2B5EF4-FFF2-40B4-BE49-F238E27FC236}">
                <a16:creationId xmlns:a16="http://schemas.microsoft.com/office/drawing/2014/main" id="{AFCAF12A-A205-4387-99BC-F18054EC960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382ddf7c49ae41a9a896b68233bb860b_EndDate" hidden="1">
            <a:extLst>
              <a:ext uri="{FF2B5EF4-FFF2-40B4-BE49-F238E27FC236}">
                <a16:creationId xmlns:a16="http://schemas.microsoft.com/office/drawing/2014/main" id="{8589CEB9-B02F-49B8-AEEB-422A6432F8A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7" name="OTLSHAPE_T_382ddf7c49ae41a9a896b68233bb860b_JoinedDate">
            <a:extLst>
              <a:ext uri="{FF2B5EF4-FFF2-40B4-BE49-F238E27FC236}">
                <a16:creationId xmlns:a16="http://schemas.microsoft.com/office/drawing/2014/main" id="{8F102D12-A325-4DDD-8AF6-EB0EE4B2AAC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00408" y="50361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7-2019 - 4-2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382ddf7c49ae41a9a896b68233bb860b_Title">
            <a:extLst>
              <a:ext uri="{FF2B5EF4-FFF2-40B4-BE49-F238E27FC236}">
                <a16:creationId xmlns:a16="http://schemas.microsoft.com/office/drawing/2014/main" id="{3F64EFE6-886C-4568-8985-9741C1C4303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5028396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공부 및 메인 모듈 개발</a:t>
            </a:r>
          </a:p>
        </p:txBody>
      </p:sp>
      <p:sp>
        <p:nvSpPr>
          <p:cNvPr id="929" name="OTLSHAPE_T_27ae47589bac40d38409405d5a28c9b6_Shape">
            <a:extLst>
              <a:ext uri="{FF2B5EF4-FFF2-40B4-BE49-F238E27FC236}">
                <a16:creationId xmlns:a16="http://schemas.microsoft.com/office/drawing/2014/main" id="{0B568C31-35A4-4AEF-970D-0BDC5EC249B1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318700" y="5278755"/>
            <a:ext cx="33909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30" name="OTLSHAPE_T_27ae47589bac40d38409405d5a28c9b6_ShapePercentage" hidden="1">
            <a:extLst>
              <a:ext uri="{FF2B5EF4-FFF2-40B4-BE49-F238E27FC236}">
                <a16:creationId xmlns:a16="http://schemas.microsoft.com/office/drawing/2014/main" id="{F618003F-FBA5-4F1F-AB62-4FCE57C3784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318700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31" name="OTLSHAPE_T_27ae47589bac40d38409405d5a28c9b6_Duration" hidden="1">
            <a:extLst>
              <a:ext uri="{FF2B5EF4-FFF2-40B4-BE49-F238E27FC236}">
                <a16:creationId xmlns:a16="http://schemas.microsoft.com/office/drawing/2014/main" id="{D2C8BF77-63AC-4DC3-8DB9-AD8741A26EB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2787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4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32" name="OTLSHAPE_T_27ae47589bac40d38409405d5a28c9b6_TextPercentage" hidden="1">
            <a:extLst>
              <a:ext uri="{FF2B5EF4-FFF2-40B4-BE49-F238E27FC236}">
                <a16:creationId xmlns:a16="http://schemas.microsoft.com/office/drawing/2014/main" id="{D9CE3E4C-7BFC-44FA-A36B-9C48F849400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3" name="OTLSHAPE_T_27ae47589bac40d38409405d5a28c9b6_StartDate" hidden="1">
            <a:extLst>
              <a:ext uri="{FF2B5EF4-FFF2-40B4-BE49-F238E27FC236}">
                <a16:creationId xmlns:a16="http://schemas.microsoft.com/office/drawing/2014/main" id="{E7266387-A031-4271-8B7E-42D197EB323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27ae47589bac40d38409405d5a28c9b6_EndDate" hidden="1">
            <a:extLst>
              <a:ext uri="{FF2B5EF4-FFF2-40B4-BE49-F238E27FC236}">
                <a16:creationId xmlns:a16="http://schemas.microsoft.com/office/drawing/2014/main" id="{CD384A74-0109-4D7B-8BD9-12F6A47D6AE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" name="OTLSHAPE_T_27ae47589bac40d38409405d5a28c9b6_JoinedDate">
            <a:extLst>
              <a:ext uri="{FF2B5EF4-FFF2-40B4-BE49-F238E27FC236}">
                <a16:creationId xmlns:a16="http://schemas.microsoft.com/office/drawing/2014/main" id="{DC7D7B50-1D7A-42DD-94AB-143EDB5E52C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754775" y="53028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27ae47589bac40d38409405d5a28c9b6_Title">
            <a:extLst>
              <a:ext uri="{FF2B5EF4-FFF2-40B4-BE49-F238E27FC236}">
                <a16:creationId xmlns:a16="http://schemas.microsoft.com/office/drawing/2014/main" id="{42D2E250-3D84-4847-A4AD-5DDD8664281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52950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937" name="OTLSHAPE_T_82fb3c45ae5f4c1ea8eb25fb96b27648_Shape">
            <a:extLst>
              <a:ext uri="{FF2B5EF4-FFF2-40B4-BE49-F238E27FC236}">
                <a16:creationId xmlns:a16="http://schemas.microsoft.com/office/drawing/2014/main" id="{22C1D490-8380-481E-A947-177A5844420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318700" y="5545455"/>
            <a:ext cx="3390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38" name="OTLSHAPE_T_82fb3c45ae5f4c1ea8eb25fb96b27648_ShapePercentage" hidden="1">
            <a:extLst>
              <a:ext uri="{FF2B5EF4-FFF2-40B4-BE49-F238E27FC236}">
                <a16:creationId xmlns:a16="http://schemas.microsoft.com/office/drawing/2014/main" id="{32F900F3-44D3-4861-8DE6-E2D294F5AB40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318700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39" name="OTLSHAPE_T_82fb3c45ae5f4c1ea8eb25fb96b27648_Duration" hidden="1">
            <a:extLst>
              <a:ext uri="{FF2B5EF4-FFF2-40B4-BE49-F238E27FC236}">
                <a16:creationId xmlns:a16="http://schemas.microsoft.com/office/drawing/2014/main" id="{963964D2-E1EC-4CA5-BA52-74ABF9F85D7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5454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4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40" name="OTLSHAPE_T_82fb3c45ae5f4c1ea8eb25fb96b27648_TextPercentage" hidden="1">
            <a:extLst>
              <a:ext uri="{FF2B5EF4-FFF2-40B4-BE49-F238E27FC236}">
                <a16:creationId xmlns:a16="http://schemas.microsoft.com/office/drawing/2014/main" id="{99B69A3A-005A-433F-A1B1-D229CC66B01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1" name="OTLSHAPE_T_82fb3c45ae5f4c1ea8eb25fb96b27648_StartDate" hidden="1">
            <a:extLst>
              <a:ext uri="{FF2B5EF4-FFF2-40B4-BE49-F238E27FC236}">
                <a16:creationId xmlns:a16="http://schemas.microsoft.com/office/drawing/2014/main" id="{1F10057E-8843-4B0B-9582-39836F37AC6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82fb3c45ae5f4c1ea8eb25fb96b27648_EndDate" hidden="1">
            <a:extLst>
              <a:ext uri="{FF2B5EF4-FFF2-40B4-BE49-F238E27FC236}">
                <a16:creationId xmlns:a16="http://schemas.microsoft.com/office/drawing/2014/main" id="{E8221330-A060-4F5F-9B47-7B322F547F1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3" name="OTLSHAPE_T_82fb3c45ae5f4c1ea8eb25fb96b27648_JoinedDate">
            <a:extLst>
              <a:ext uri="{FF2B5EF4-FFF2-40B4-BE49-F238E27FC236}">
                <a16:creationId xmlns:a16="http://schemas.microsoft.com/office/drawing/2014/main" id="{8D37ADDC-121D-4086-8B5E-A1633BBFDC6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754775" y="55695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82fb3c45ae5f4c1ea8eb25fb96b27648_Title">
            <a:extLst>
              <a:ext uri="{FF2B5EF4-FFF2-40B4-BE49-F238E27FC236}">
                <a16:creationId xmlns:a16="http://schemas.microsoft.com/office/drawing/2014/main" id="{7E4B2943-7883-41C5-A3CA-0ABD14D704D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55617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의류 관련 모듈 개발</a:t>
            </a:r>
          </a:p>
        </p:txBody>
      </p:sp>
      <p:sp>
        <p:nvSpPr>
          <p:cNvPr id="945" name="OTLSHAPE_T_e676dd5c8d65477588b6d56b4e73ee0c_Shape">
            <a:extLst>
              <a:ext uri="{FF2B5EF4-FFF2-40B4-BE49-F238E27FC236}">
                <a16:creationId xmlns:a16="http://schemas.microsoft.com/office/drawing/2014/main" id="{A8E5D0E8-8CF5-476B-A908-6295B6C4408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926734" y="5812155"/>
            <a:ext cx="1778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46" name="OTLSHAPE_T_e676dd5c8d65477588b6d56b4e73ee0c_ShapePercentage" hidden="1">
            <a:extLst>
              <a:ext uri="{FF2B5EF4-FFF2-40B4-BE49-F238E27FC236}">
                <a16:creationId xmlns:a16="http://schemas.microsoft.com/office/drawing/2014/main" id="{BCF938D8-9565-413D-B9FF-B67B8F136D14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926734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47" name="OTLSHAPE_T_e676dd5c8d65477588b6d56b4e73ee0c_Duration" hidden="1">
            <a:extLst>
              <a:ext uri="{FF2B5EF4-FFF2-40B4-BE49-F238E27FC236}">
                <a16:creationId xmlns:a16="http://schemas.microsoft.com/office/drawing/2014/main" id="{A270DB84-0CB4-4701-A5FD-5C04172930C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81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1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48" name="OTLSHAPE_T_e676dd5c8d65477588b6d56b4e73ee0c_TextPercentage" hidden="1">
            <a:extLst>
              <a:ext uri="{FF2B5EF4-FFF2-40B4-BE49-F238E27FC236}">
                <a16:creationId xmlns:a16="http://schemas.microsoft.com/office/drawing/2014/main" id="{05091C01-8882-4185-AF2C-4AF31ABE4B5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9" name="OTLSHAPE_T_e676dd5c8d65477588b6d56b4e73ee0c_StartDate" hidden="1">
            <a:extLst>
              <a:ext uri="{FF2B5EF4-FFF2-40B4-BE49-F238E27FC236}">
                <a16:creationId xmlns:a16="http://schemas.microsoft.com/office/drawing/2014/main" id="{90CD9C7B-5D06-4E03-9553-08E7A796FC7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e676dd5c8d65477588b6d56b4e73ee0c_EndDate" hidden="1">
            <a:extLst>
              <a:ext uri="{FF2B5EF4-FFF2-40B4-BE49-F238E27FC236}">
                <a16:creationId xmlns:a16="http://schemas.microsoft.com/office/drawing/2014/main" id="{80AACA10-9C20-4615-8ACA-49791911160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1" name="OTLSHAPE_T_e676dd5c8d65477588b6d56b4e73ee0c_JoinedDate">
            <a:extLst>
              <a:ext uri="{FF2B5EF4-FFF2-40B4-BE49-F238E27FC236}">
                <a16:creationId xmlns:a16="http://schemas.microsoft.com/office/drawing/2014/main" id="{22B89704-8BA4-4751-B74F-2B375EB3F74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54775" y="58362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29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e676dd5c8d65477588b6d56b4e73ee0c_Title">
            <a:extLst>
              <a:ext uri="{FF2B5EF4-FFF2-40B4-BE49-F238E27FC236}">
                <a16:creationId xmlns:a16="http://schemas.microsoft.com/office/drawing/2014/main" id="{23DACFE5-6A90-45B8-9074-24DA02EC5A6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58284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953" name="OTLSHAPE_T_55871566acb4479fa593c4d75faba5f3_Shape">
            <a:extLst>
              <a:ext uri="{FF2B5EF4-FFF2-40B4-BE49-F238E27FC236}">
                <a16:creationId xmlns:a16="http://schemas.microsoft.com/office/drawing/2014/main" id="{7C6D8E0A-AA8F-482B-8CDB-F70203AE4C48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704034" y="6078855"/>
            <a:ext cx="1612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54" name="OTLSHAPE_T_55871566acb4479fa593c4d75faba5f3_ShapePercentage" hidden="1">
            <a:extLst>
              <a:ext uri="{FF2B5EF4-FFF2-40B4-BE49-F238E27FC236}">
                <a16:creationId xmlns:a16="http://schemas.microsoft.com/office/drawing/2014/main" id="{012B3F48-C2C8-4ED9-B622-50DEFA5301F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704034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55" name="OTLSHAPE_T_55871566acb4479fa593c4d75faba5f3_Duration" hidden="1">
            <a:extLst>
              <a:ext uri="{FF2B5EF4-FFF2-40B4-BE49-F238E27FC236}">
                <a16:creationId xmlns:a16="http://schemas.microsoft.com/office/drawing/2014/main" id="{E3C101CD-6A54-4196-9636-938B81962B2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60788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56" name="OTLSHAPE_T_55871566acb4479fa593c4d75faba5f3_TextPercentage" hidden="1">
            <a:extLst>
              <a:ext uri="{FF2B5EF4-FFF2-40B4-BE49-F238E27FC236}">
                <a16:creationId xmlns:a16="http://schemas.microsoft.com/office/drawing/2014/main" id="{E0C13C0F-C8E8-4305-9931-FD1AE972386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7" name="OTLSHAPE_T_55871566acb4479fa593c4d75faba5f3_StartDate" hidden="1">
            <a:extLst>
              <a:ext uri="{FF2B5EF4-FFF2-40B4-BE49-F238E27FC236}">
                <a16:creationId xmlns:a16="http://schemas.microsoft.com/office/drawing/2014/main" id="{B82A8744-DA0A-441E-B8EC-B4285679C16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55871566acb4479fa593c4d75faba5f3_EndDate" hidden="1">
            <a:extLst>
              <a:ext uri="{FF2B5EF4-FFF2-40B4-BE49-F238E27FC236}">
                <a16:creationId xmlns:a16="http://schemas.microsoft.com/office/drawing/2014/main" id="{D08A0C7D-8A8F-4297-A2CE-438F8E7AA28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" name="OTLSHAPE_T_55871566acb4479fa593c4d75faba5f3_JoinedDate">
            <a:extLst>
              <a:ext uri="{FF2B5EF4-FFF2-40B4-BE49-F238E27FC236}">
                <a16:creationId xmlns:a16="http://schemas.microsoft.com/office/drawing/2014/main" id="{DFAA0EFC-9B1A-4D2D-A97D-E59AEA63771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362810" y="61029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20-2019 - 6-7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55871566acb4479fa593c4d75faba5f3_Title">
            <a:extLst>
              <a:ext uri="{FF2B5EF4-FFF2-40B4-BE49-F238E27FC236}">
                <a16:creationId xmlns:a16="http://schemas.microsoft.com/office/drawing/2014/main" id="{850B996F-A14E-473E-BDC8-8FD5A4749D4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0" y="6095196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모델링 및 출력 함수 개발</a:t>
            </a:r>
          </a:p>
        </p:txBody>
      </p:sp>
      <p:sp>
        <p:nvSpPr>
          <p:cNvPr id="961" name="OTLSHAPE_T_22f39fb829944911aac60ff29587efd4_Shape">
            <a:extLst>
              <a:ext uri="{FF2B5EF4-FFF2-40B4-BE49-F238E27FC236}">
                <a16:creationId xmlns:a16="http://schemas.microsoft.com/office/drawing/2014/main" id="{AFBAC06C-2B60-46D4-88DE-BACCFFC915FC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9312068" y="6345555"/>
            <a:ext cx="1016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62" name="OTLSHAPE_T_22f39fb829944911aac60ff29587efd4_ShapePercentage" hidden="1">
            <a:extLst>
              <a:ext uri="{FF2B5EF4-FFF2-40B4-BE49-F238E27FC236}">
                <a16:creationId xmlns:a16="http://schemas.microsoft.com/office/drawing/2014/main" id="{80325057-CD21-43D2-9625-687B0295C0A1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312068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963" name="OTLSHAPE_T_22f39fb829944911aac60ff29587efd4_Duration" hidden="1">
            <a:extLst>
              <a:ext uri="{FF2B5EF4-FFF2-40B4-BE49-F238E27FC236}">
                <a16:creationId xmlns:a16="http://schemas.microsoft.com/office/drawing/2014/main" id="{03EA4059-82B0-477A-88AE-51A9C43EB1B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6345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964" name="OTLSHAPE_T_22f39fb829944911aac60ff29587efd4_TextPercentage" hidden="1">
            <a:extLst>
              <a:ext uri="{FF2B5EF4-FFF2-40B4-BE49-F238E27FC236}">
                <a16:creationId xmlns:a16="http://schemas.microsoft.com/office/drawing/2014/main" id="{ADF57EC3-11FC-4FAC-BCB9-3D04BDAE47A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5" name="OTLSHAPE_T_22f39fb829944911aac60ff29587efd4_StartDate" hidden="1">
            <a:extLst>
              <a:ext uri="{FF2B5EF4-FFF2-40B4-BE49-F238E27FC236}">
                <a16:creationId xmlns:a16="http://schemas.microsoft.com/office/drawing/2014/main" id="{EB7BC67F-B9A2-4253-B994-776172C0127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22f39fb829944911aac60ff29587efd4_EndDate" hidden="1">
            <a:extLst>
              <a:ext uri="{FF2B5EF4-FFF2-40B4-BE49-F238E27FC236}">
                <a16:creationId xmlns:a16="http://schemas.microsoft.com/office/drawing/2014/main" id="{A9A43CA6-411F-4A38-BE9E-2689BB61279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7" name="OTLSHAPE_T_22f39fb829944911aac60ff29587efd4_JoinedDate">
            <a:extLst>
              <a:ext uri="{FF2B5EF4-FFF2-40B4-BE49-F238E27FC236}">
                <a16:creationId xmlns:a16="http://schemas.microsoft.com/office/drawing/2014/main" id="{292F4CC1-A313-46B1-B706-62B4127F7B6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78410" y="63696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8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22f39fb829944911aac60ff29587efd4_Title">
            <a:extLst>
              <a:ext uri="{FF2B5EF4-FFF2-40B4-BE49-F238E27FC236}">
                <a16:creationId xmlns:a16="http://schemas.microsoft.com/office/drawing/2014/main" id="{909198B5-CFF2-46AE-A2E9-1E8E4CF4D50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0" y="63618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최종 보고서 작성 및 피드백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2701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lZlcnNpb24iOnsiJGlkIjoiMiIsIlZlcnNpb24iOiIzLjEuMyIsIk9yaWdpbmFsQXNzZW1ibHlWZXJzaW9uIjoiMy4wMC4wNy4wMCIsIkVkaXRpb24iOiJCYXNpYyIsIklzUGx1c0VkaXRpb24iOmZhbHNlfSwiRWZmZWN0IjoxLCJTdHlsZSI6eyIkaWQiOiIzIiwiVGltZWJhbmRTdHlsZSI6eyIkaWQiOiI0IiwiU2NhbGVNYXJraW5nIjowLCJTaGFwZSI6MCwiU2hhcGVTdHlsZSI6eyIkaWQiOiI1IiwiTWFyZ2luIjp7IiRpZCI6IjYiLCJUb3AiOjAsIkxlZnQiOjEwLCJSaWdodCI6MTAsIkJvdHRvbSI6MH0sIlBhZGRpbmciOnsiJGlkIjoiNyIsIlRvcCI6NSwiTGVmdCI6MCwiUmlnaHQiOjAsIkJvdHRvbSI6NX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kiLCJMaW5lQ29sb3IiOm51bGwsIkxpbmVXZWlnaHQiOjAuMCwiTGluZVR5cGUiOjAsIlBhcmVudFN0eWxlIjpudWxsfSwiUGFyZW50U3R5bGUiOnsiJHJlZiI6IjY3In19LCJEYXRlU3R5bGUiOnsiJGlkIjoiMTQwIiwiRm9udFNldHRpbmdzIjp7IiRpZCI6IjE0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AsIklzQ3VzdG9tIjpmYWxzZX0sIkRhdGVGb3JtYXQiOnsiJHJlZiI6IjgxIn0sIklkIjoiOGNjMWJhNjItYmM5Mi00NzkzLTk5ZjMtOTlmMWRhYWM4ZDA3IiwiSW1wb3J0SWQiOm51bGwsIlRpdGxlIjoiUHJvamVjdCBBcHByb3ZhbCIsIk5vdGUiOm51bGwsIkh5cGVybGluayI6bnVsbCwiSXNDaGFuZ2VkIjpmYWxzZSwiSXNOZXciOmZhbHNlfSx7IiRpZCI6IjE0MyIsIkRhdGUiOiIyMDE3LTAyLTE3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ExMiwiRyI6MTczLCJCIjo3M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MTEyLCJHIjoxNzMsIkIiOjcxfX0sIklzVmlzaWJsZSI6dHJ1ZSwiV2lkdGgiOjE4LjAsIkhlaWdodCI6MjAuMCwiQm9yZGVyU3R5bGUiOnsiJGlkIjoiMTUxIiwiTGluZUNvbG9yIjp7IiRyZWYiOiI2NSJ9LCJMaW5lV2VpZ2h0IjowLjAsIkxpbmVUeXBlIjowLCJQYXJlbnRTdHlsZSI6eyIkcmVmIjoiNjQifX0sIlBhcmVudFN0eWxlIjp7IiRyZWYiOiI1OSJ9fSwiVGl0bGVTdHlsZSI6eyIkaWQiOiIxNTIiLCJGb250U2V0dGluZ3MiOnsiJGlkIjoiMTUz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eyIkcmVmIjoiNjcifX0sIkRhdGVTdHlsZSI6eyIkaWQiOiIxNTUiLCJGb250U2V0dGluZ3MiOnsiJGlkIjoiMTU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c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wNTFhMzJlNC1mZjBlLTQ3MjItOTM4MC02NjlkZTY0ZmU1YWIiLCJJbXBvcnRJZCI6bnVsbCwiVGl0bGUiOiJDb21taXR0ZWUgUmV2aWV3IDEiLCJOb3RlIjpudWxsLCJIeXBlcmxpbmsiOm51bGwsIklzQ2hhbmdlZCI6ZmFsc2UsIklzTmV3IjpmYWxzZX0seyIkaWQiOiIxNTgiLCJEYXRlIjoiMjAxNy0wMi0yOF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g5LCJSIjoxMTIsIkciOjE3MywiQiI6NzF9fSwiTGluZVdlaWdodCI6MS4wLCJMaW5lVHlwZSI6MCwiUGFyZW50U3R5bGUiOnsiJHJlZiI6IjU1In19LCJJc0JlbG93VGltZWJhbmQiOmZhbHNlLCJIaWRlRGF0ZSI6ZmFsc2UsIlNoYXBlU2l6ZSI6MSwiU3BhY2luZyI6MS4wLCJQYWRkaW5nIjp7IiRyZWYiOiI1OCJ9LCJTaGFwZVN0eWxlIjp7IiRpZCI6IjE2MyIsIk1hcmdpbiI6eyIkcmVmIjoiNjAifSwiUGFkZGluZyI6eyIkcmVmIjoiNjEi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nsiJHJlZiI6IjY0In19LCJQYXJlbnRTdHlsZSI6eyIkcmVmIjoiNTkifX0sIlRpdGxlU3R5bGUiOnsiJGlkIjoiMTY3IiwiRm9udFNldHRpbmdzIjp7IiRpZCI6IjE2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kiLCJMaW5lQ29sb3IiOm51bGwsIkxpbmVXZWlnaHQiOjAuMCwiTGluZVR5cGUiOjAsIlBhcmVudFN0eWxlIjpudWxsfSwiUGFyZW50U3R5bGUiOnsiJHJlZiI6IjY3In19LCJEYXRlU3R5bGUiOnsiJGlkIjoiMTcwIiwiRm9udFNldHRpbmdzIjp7IiRpZCI6IjE3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OWY4NjBmOGQtNjVlZS00YWFjLTg1MDMtOWYzMGMyZmZjZjMzIiwiSW1wb3J0SWQiOm51bGwsIlRpdGxlIjoiQ29tbWl0dGVlIFJldmlldyAyIiwiTm90ZSI6bnVsbCwiSHlwZXJsaW5rIjpudWxsLCJJc0NoYW5nZWQiOmZhbHNlLCJJc05ldyI6ZmFsc2V9LHsiJGlkIjoiMTczIiwiRGF0ZSI6IjIwMTctMDMtMTR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yMzcsIkciOjEyNSwiQiI6NDl9fSwiSXNWaXNpYmxlIjp0cnVlLCJXaWR0aCI6MTguMCwiSGVpZ2h0IjoyMC4wLCJCb3JkZXJTdHlsZSI6eyIkaWQiOiIxODEiLCJMaW5lQ29sb3IiOnsiJHJlZiI6IjY1In0sIkxpbmVXZWlnaHQiOjAuMCwiTGluZVR5cGUiOjAsIlBhcmVudFN0eWxlIjp7IiRyZWYiOiI2NCJ9fSwiUGFyZW50U3R5bGUiOnsiJHJlZiI6IjU5In19LCJUaXRsZVN0eWxlIjp7IiRpZCI6IjE4MiIsIkZvbnRTZXR0aW5ncyI6eyIkaWQiOiIxOD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y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jJiMTQ3YzQ4LTMzOWYtNDM0OC05MmE1LWVmMTgzNmVhMzU5NyIsIkltcG9ydElkIjpudWxsLCJUaXRsZSI6IlByb2R1Y3Rpb24iLCJOb3RlIjpudWxsLCJIeXBlcmxpbmsiOm51bGwsIklzQ2hhbmdlZCI6ZmFsc2UsIklzTmV3IjpmYWxzZX0seyIkaWQiOiIxODgiLCJEYXRlIjoiMjAxNy0wMy0xN1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g5LCJSIjoyMzcsIkciOjEyNSwiQiI6NDl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ywiRyI6MTI1LCJCIjo0O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SwiRm9udE5hbWUiOiJDYWxpYnJpIiwiSXNCb2xkIjp0cnVlLCJJc0l0YWxpYyI6ZmFsc2UsIklzVW5kZXJsaW5lZCI6ZmFsc2UsIlBhcmVudFN0eWxlIjp7IiRyZWYiOiI2OCJ9fSwiQXV0b1NpemUiOjAsIkZvcmVncm91bmQiOnsiJHJlZiI6IjY5In0sIk1heFdpZHRoIjo0Mi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I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JQcm9qZWN0IEhhbmQtT2ZmIiwiTm90ZSI6bnVsbCwiSHlwZXJsaW5rIjpudWxsLCJJc0NoYW5nZWQiOmZhbHNlLCJJc05ldyI6ZmFsc2V9XSwiVGFza3MiOlt7IiRpZCI6IjIwMyIsIkdyb3VwTmFtZSI6bnVsbCwiU3RhcnREYXRlIjoiMjAxNy0wMi0wM1QwMDowMDowMFoiLCJFbmREYXRlIjoiMjAxNy0wMi0xMFQyMzo1OTowMF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eyIkcmVmIjoiODMifX0sIkR1cmF0aW9uU3R5bGUiOnsiJGlkIjoiMjA4IiwiRm9udFNldHRpbmdzIjp7IiRpZCI6IjIw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7IiRyZWYiOiI5MCJ9fSwiSG9yaXpvbnRhbENvbm5lY3RvclN0eWxlIjp7IiRpZCI6IjIxMSIsIkxpbmVDb2xvciI6eyIkcmVmIjoiOTgifSwiTGluZVdlaWdodCI6MS4wLCJMaW5lVHlwZSI6MCwiUGFyZW50U3R5bGUiOnsiJHJlZiI6Ijk3In19LCJWZXJ0aWNhbENvbm5lY3RvclN0eWxlIjp7IiRpZCI6IjIx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eyIkcmVmIjoiMTExIn19LCJEYXRlU3R5bGUiOnsiJGlkIjoiMjIwIiwiRm9udFNldHRpbmdzIjp7IiRpZCI6IjIyMSIsIkZvbnRTaXplIjoxMCwiRm9udE5hbWUiOiJDYWxpYnJpIiwiSXNCb2xkIjpmYWxzZSwiSXNJdGFsaWMiOmZhbHNlLCJJc1VuZGVybGluZWQiOmZhbHNlLCJQYXJlbnRTdHlsZSI6eyIkcmVmIjoiMTE5In1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7IiRyZWYiOiI4MyJ9fSwiRHVyYXRpb25TdHlsZSI6eyIkaWQiOiIyMjgiLCJGb250U2V0dGluZ3MiOnsiJGlkIjoiMjI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nsiJHJlZiI6IjkwIn19LCJIb3Jpem9udGFsQ29ubmVjdG9yU3R5bGUiOnsiJGlkIjoiMjMxIiwiTGluZUNvbG9yIjp7IiRyZWYiOiI5OCJ9LCJMaW5lV2VpZ2h0IjoxLjAsIkxpbmVUeXBlIjowLCJQYXJlbnRTdHlsZSI6eyIkcmVmIjoiOTcifX0sIlZlcnRpY2FsQ29ubmVjdG9yU3R5bGUiOnsiJGlkIjoiMjM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yNTUsIkciOjE5MiwiQiI6MH19LCJJc1Zpc2libGUiOnRydWUsIldpZHRoIjowLjAsIkhlaWdodCI6MTYuMCwiQm9yZGVyU3R5bGUiOnsiJGlkIjoiMjM2IiwiTGluZUNvbG9yIjp7IiRyZWYiOiIxMDkifSwiTGluZVdlaWdodCI6MC4wLCJMaW5lVHlwZSI6MCwiUGFyZW50U3R5bGUiOnsiJHJlZiI6IjEwOCJ9fSwiUGFyZW50U3R5bGUiOnsiJHJlZiI6IjEwMyJ9fSwiVGl0bGVTdHlsZSI6eyIkaWQiOiIyMzciLCJGb250U2V0dGluZ3MiOnsiJGlkIjoiMjM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7IiRyZWYiOiIxMTEifX0sIkRhdGVTdHlsZSI6eyIkaWQiOiIyNDAiLCJGb250U2V0dGluZ3MiOnsiJGlkIjoiMjQ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GM0M2VmNGEtMzhhYi00NmU1LWJiYzUtNzZmNTJmM2Y2M2ZjIiwiSW1wb3J0SWQiOm51bGwsIlRpdGxlIjoiUmVxdWlyZW1lbnRzIiwiTm90ZSI6bnVsbCwiSHlwZXJsaW5rIjpudWxsLCJJc0NoYW5nZWQiOmZhbHNlLCJJc05ldyI6ZmFsc2V9LHsiJGlkIjoiMjQzIiwiR3JvdXBOYW1lIjpudWxsLCJTdGFydERhdGUiOiIyMDE3LTAyLTE3VDAwOjAwOjAwWiIsIkVuZERhdGUiOiIyMDE3LTAyLTIxVDIzOjU5OjAwWiIsIlBlcmNlbnRhZ2VDb21wbGV0ZSI6bnVsbCwiU3R5bGUiOnsiJGlkIjoiMjQ0IiwiU2hhcGUiOjA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7IiRyZWYiOiI4MyJ9fSwiRHVyYXRpb25TdHlsZSI6eyIkaWQiOiIyNDgiLCJGb250U2V0dGluZ3MiOnsiJGlkIjoiMj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nsiJHJlZiI6IjkwIn19LCJIb3Jpem9udGFsQ29ubmVjdG9yU3R5bGUiOnsiJGlkIjoiMjUxIiwiTGluZUNvbG9yIjp7IiRyZWYiOiI5OCJ9LCJMaW5lV2VpZ2h0IjoxLjAsIkxpbmVUeXBlIjowLCJQYXJlbnRTdHlsZSI6eyIkcmVmIjoiOTcifX0sIlZlcnRpY2FsQ29ubmVjdG9yU3R5bGUiOnsiJGlkIjoiMjU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TUsIkciOjE5MiwiQiI6MH19LCJJc1Zpc2libGUiOnRydWUsIldpZHRoIjowLjAsIkhlaWdodCI6MTYuMCwiQm9yZGVyU3R5bGUiOnsiJGlkIjoiMjU2IiwiTGluZUNvbG9yIjp7IiRyZWYiOiIxMDkifSwiTGluZVdlaWdodCI6MC4wLCJMaW5lVHlwZSI6MCwiUGFyZW50U3R5bGUiOnsiJHJlZiI6IjEwOCJ9fSwiUGFyZW50U3R5bGUiOnsiJHJlZiI6IjEwMyJ9fSwiVGl0bGVTdHlsZSI6eyIkaWQiOiIyNTciLCJGb250U2V0dGluZ3MiOnsiJGlkIjoiMjU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7IiRyZWYiOiIxMTEifX0sIkRhdGVTdHlsZSI6eyIkaWQiOiIyNjAiLCJGb250U2V0dGluZ3MiOnsiJGlkIjoiMjY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eyIkcmVmIjoiODMifX0sIkR1cmF0aW9uU3R5bGUiOnsiJGlkIjoiMjY4IiwiRm9udFNldHRpbmdzIjp7IiRpZCI6IjI2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7IiRyZWYiOiI5MCJ9fSwiSG9yaXpvbnRhbENvbm5lY3RvclN0eWxlIjp7IiRpZCI6IjI3MSIsIkxpbmVDb2xvciI6eyIkcmVmIjoiOTgifSwiTGluZVdlaWdodCI6MS4wLCJMaW5lVHlwZSI6MCwiUGFyZW50U3R5bGUiOnsiJHJlZiI6Ijk3In19LCJWZXJ0aWNhbENvbm5lY3RvclN0eWxlIjp7IiRpZCI6IjI3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jM3LCJHIjoxMjUsIkIiOjQ5fX0sIklzVmlzaWJsZSI6dHJ1ZSwiV2lkdGgiOjAuMCwiSGVpZ2h0IjoxNi4wLCJCb3JkZXJTdHlsZSI6eyIkaWQiOiIyNzYiLCJMaW5lQ29sb3IiOnsiJHJlZiI6IjEwOSJ9LCJMaW5lV2VpZ2h0IjowLjAsIkxpbmVUeXBlIjowLCJQYXJlbnRTdHlsZSI6eyIkcmVmIjoiMTA4In19LCJQYXJlbnRTdHlsZSI6eyIkcmVmIjoiMTAzIn19LCJUaXRsZVN0eWxlIjp7IiRpZCI6IjI3NyIsIkZvbnRTZXR0aW5ncyI6eyIkaWQiOiIyNzgiLCJGb250U2l6ZSI6MTEsIkZvbnROYW1lIjoiQ2FsaWJyaS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nsiJHJlZiI6IjExMSJ9fSwiRGF0ZVN0eWxlIjp7IiRpZCI6IjI4MCIsIkZvbnRTZXR0aW5ncyI6eyIkaWQiOiIyODEiLCJGb250U2l6ZSI6MTAsIkZvbnROYW1lIjoiQ2FsaWJyaSIsIklzQm9sZCI6ZmFsc2UsIklzSXRhbGljIjpmYWxzZSwiSXNVbmRlcmxpbmVkIjpmYWxzZSwiUGFyZW50U3R5bGUiOnsiJHJlZiI6IjExOSJ9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2VlNDk4Yi05YjAyLTRlNzItYTlmZC00YmYwYjkzYTkwN2UiLCJJbXBvcnRJZCI6bnVsbCwiVGl0bGUiOiJQcm90b3R5cGUiLCJOb3RlIjpudWxsLCJIeXBlcmxpbmsiOm51bGwsIklzQ2hhbmdlZCI6ZmFsc2UsIklzTmV3IjpmYWxzZX0seyIkaWQiOiIyODMiLCJHcm91cE5hbWUiOm51bGwsIlN0YXJ0RGF0ZSI6IjIwMTctMDItMjZUMDA6MDA6MDBaIiwiRW5kRGF0ZSI6IjIwMTctMDMtMDZUMjM6NTk6MDB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nsiJHJlZiI6IjgzIn19LCJEdXJhdGlvblN0eWxlIjp7IiRpZCI6IjI4OCIsIkZvbnRTZXR0aW5ncyI6eyIkaWQiOiIyO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eyIkcmVmIjoiOTAifX0sIkhvcml6b250YWxDb25uZWN0b3JTdHlsZSI6eyIkaWQiOiIyOTEiLCJMaW5lQ29sb3IiOnsiJHJlZiI6Ijk4In0sIkxpbmVXZWlnaHQiOjEuMCwiTGluZVR5cGUiOjAsIlBhcmVudFN0eWxlIjp7IiRyZWYiOiI5NyJ9fSwiVmVydGljYWxDb25uZWN0b3JTdHlsZSI6eyIkaWQiOiIyO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ExMiwiRyI6MTczLCJCIjo3MX19LCJJc1Zpc2libGUiOnRydWUsIldpZHRoIjowLjAsIkhlaWdodCI6MTYuMCwiQm9yZGVyU3R5bGUiOnsiJGlkIjoiMjk2IiwiTGluZUNvbG9yIjp7IiRyZWYiOiIxMDkifSwiTGluZVdlaWdodCI6MC4wLCJMaW5lVHlwZSI6MCwiUGFyZW50U3R5bGUiOnsiJHJlZiI6IjEwOCJ9fSwiUGFyZW50U3R5bGUiOnsiJHJlZiI6IjEwMyJ9fSwiVGl0bGVTdHlsZSI6eyIkaWQiOiIyOTciLCJGb250U2V0dGluZ3MiOnsiJGlkIjoiMjk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5IiwiTGluZUNvbG9yIjpudWxsLCJMaW5lV2VpZ2h0IjowLjAsIkxpbmVUeXBlIjowLCJQYXJlbnRTdHlsZSI6bnVsbH0sIlBhcmVudFN0eWxlIjp7IiRyZWYiOiIxMTEifX0sIkRhdGVTdHlsZSI6eyIkaWQiOiIzMDAiLCJGb250U2V0dGluZ3MiOnsiJGlkIjoiMzA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M2Q1NTI0YjItMjBlYS00MjMyLWIyYWMtYTRkY2ViMWZkMjRmIiwiSW1wb3J0SWQiOm51bGwsIlRpdGxlIjoiRGV2ZWxvcG1lbnQiLCJOb3RlIjpudWxsLCJIeXBlcmxpbmsiOm51bGwsIklzQ2hhbmdlZCI6ZmFsc2UsIklzTmV3IjpmYWxzZX0seyIkaWQiOiIzMDMiLCJHcm91cE5hbWUiOm51bGwsIlN0YXJ0RGF0ZSI6IjIwMTctMDMtMDZUMDA6MDA6MDBaIiwiRW5kRGF0ZSI6IjIwMTctMDMtMDdUMjM6NTk6MDBaIiwiUGVyY2VudGFnZUNvbXBsZXRlIjpudWxsLCJTdHlsZSI6eyIkaWQiOiIzMDQiLCJTaGFwZSI6MC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ciLCJMaW5lQ29sb3IiOm51bGwsIkxpbmVXZWlnaHQiOjAuMCwiTGluZVR5cGUiOjAsIlBhcmVudFN0eWxlIjpudWxsfSwiUGFyZW50U3R5bGUiOnsiJHJlZiI6IjgzIn19LCJEdXJhdGlvblN0eWxlIjp7IiRpZCI6IjMwOCIsIkZvbnRTZXR0aW5ncyI6eyIkaWQiOiIzM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MCIsIkxpbmVDb2xvciI6bnVsbCwiTGluZVdlaWdodCI6MC4wLCJMaW5lVHlwZSI6MCwiUGFyZW50U3R5bGUiOm51bGx9LCJQYXJlbnRTdHlsZSI6eyIkcmVmIjoiOTAifX0sIkhvcml6b250YWxDb25uZWN0b3JTdHlsZSI6eyIkaWQiOiIzMTEiLCJMaW5lQ29sb3IiOnsiJHJlZiI6Ijk4In0sIkxpbmVXZWlnaHQiOjEuMCwiTGluZVR5cGUiOjAsIlBhcmVudFN0eWxlIjp7IiRyZWYiOiI5NyJ9fSwiVmVydGljYWxDb25uZWN0b3JTdHlsZSI6eyIkaWQiOiIzM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ExMiwiRyI6MTczLCJCIjo3MX19LCJJc1Zpc2libGUiOnRydWUsIldpZHRoIjowLjAsIkhlaWdodCI6MTYuMCwiQm9yZGVyU3R5bGUiOnsiJGlkIjoiMzE2IiwiTGluZUNvbG9yIjp7IiRyZWYiOiIxMDkifSwiTGluZVdlaWdodCI6MC4wLCJMaW5lVHlwZSI6MCwiUGFyZW50U3R5bGUiOnsiJHJlZiI6IjEwOCJ9fSwiUGFyZW50U3R5bGUiOnsiJHJlZiI6IjEwMyJ9fSwiVGl0bGVTdHlsZSI6eyIkaWQiOiIzMTciLCJGb250U2V0dGluZ3MiOnsiJGlkIjoiMzE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7IiRyZWYiOiIxMTEifX0sIkRhdGVTdHlsZSI6eyIkaWQiOiIzMjAiLCJGb250U2V0dGluZ3MiOnsiJGlkIjoiMzI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i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zYTc1M2ZjLTNlYjAtNGNjZS04YTc0LWY1ZjJlZTQ3NWZkZiIsIkltcG9ydElkIjpudWxsLCJUaXRsZSI6IlJvbGwtb3V0IiwiTm90ZSI6bnVsbCwiSHlwZXJsaW5rIjpudWxsLCJJc0NoYW5nZWQiOmZhbHNlLCJJc05ldyI6ZmFsc2V9XSwiTXNQcm9qZWN0SXRlbXNUcmVlIjp7IiRpZCI6IjMyMyIsIlJvb3QiOnsiSW1wb3J0SWQiOm51bGwsIklzSW1wb3J0ZWQiOmZhbHNlLCJDaGlsZHJlbiI6W119fSwiTWV0YWRhdGEiOnsiJGlkIjoiMzI0In0sIlNldHRpbmdzIjp7IiRpZCI6IjMyNSIsIkltcGFPcHRpb25zIjp7IiRpZCI6IjM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m51bGwsIlZlcnNpb24iOnsiJGlkIjoiMiIsIlZlcnNpb24iOiIzLjEuMyIsIk9yaWdpbmFsQXNzZW1ibHlWZXJzaW9uIjoiMy42Mi4x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DYtMTlUMjM6NTk6MDAiLCJGb3JtYXQiOiJNTU0iLCJUeXBlIjoyLCJBdXRvRGF0ZVJhbmdlIjp0cnVlLCJXb3JraW5nRGF5cyI6MTI3LCJUb2RheU1hcmtlclRleHQiOiLsmKTripgiLCJBdXRvU2NhbGVUeXBlIjp0cnVlfSwiTWlsZXN0b25lcyI6W10sIlRhc2tzIjpbeyIkaWQiOiIxMjgiLCJHcm91cE5hbWUiOm51bGwsIlN0YXJ0RGF0ZSI6IjIwMTktMDMtMDZUMDA6MDA6MDAiLCJFbmREYXRlIjoiMjAxOS0wMy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A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MjJhNGYwZDctNjgwNi00NDY3LTg5ZTgtZDBkYzYzODk4ZTlhIiwiSW1wb3J0SWQiOm51bGwsIlRpdGxlIjoi7ZSE66Gc7KCd7Yq4IOqzhO2ajS/shKTqs4QiLCJOb3RlIjpudWxsLCJIeXBlcmxpbmsiOm51bGwsIklzQ2hhbmdlZCI6ZmFsc2UsIklzTmV3IjpmYWxzZX0seyIkaWQiOiIxNjMiLCJHcm91cE5hbWUiOm51bGwsIlN0YXJ0RGF0ZSI6IjIwMTktMDQtMDFUMDA6MDA6MDAiLCJFbmREYXRlIjoiMjAxOS0wNC0xMFQyMzo1OTowMFoiLCJQZXJjZW50YWdlQ29tcGxldGUiOm51bGwsIlN0eWxlIjp7IiRpZCI6IjE2NCIsIlNoYXBlIjow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w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g5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pZCI6IjE3MyIsIkNvbG9yIjp7IiRyZWYiOiI5MyJ9fSwiTWF4V2lkdGgiOjIwMC4wLCJNYXhIZWlnaHQiOiJJbmZpbml0eSIsIlNtYXJ0Rm9yZWdyb3VuZElzQWN0aXZlIjpmYWxzZSwiSG9yaXpvbnRhbEFsaWdubWVudCI6MC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5MSwiRyI6MTU1LCJCIjoyMTN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mQ0NDdlYTQ1LThkOTUtNDM4OS05NWY1LWNhYTliOTEzMjljYyIsIkltcG9ydElkIjpudWxsLCJUaXRsZSI6Iuq0gOugqCDsmKTtlIjshozsiqQg7IiY7KeRL+u2hOyEnSIsIk5vdGUiOm51bGwsIkh5cGVybGluayI6bnVsbCwiSXNDaGFuZ2VkIjpmYWxzZSwiSXNOZXciOmZhbHNlfSx7IiRpZCI6IjE5OCIsIkdyb3VwTmFtZSI6bnVsbCwiU3RhcnREYXRlIjoiMjAxOS0wNC0wMVQwMDowMDowMFoiLCJFbmREYXRlIjoiMjAxOS0wNC0zMFQyMzo1OTowMFoiLCJQZXJjZW50YWdlQ29tcGxldGUiOm51bGwsIlN0eWxlIjp7IiRpZCI6IjE5OSIsIlNoYXBlIjow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DIiLCJMaW5lQ29sb3IiOm51bGwsIkxpbmVXZWlnaHQiOjAuMCwiTGluZVR5cGUiOjAsIlBhcmVudFN0eWxlIjpudWxsfSwiUGFyZW50U3R5bGUiOm51bGx9LCJEdXJhdGlvblN0eWxlIjp7IiRpZCI6IjIwMyIsIkZvbnRTZXR0aW5ncyI6eyIkaWQiOiIyMD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NSIsIkxpbmVDb2xvciI6bnVsbCwiTGluZVdlaWdodCI6MC4wLCJMaW5lVHlwZSI6MCwiUGFyZW50U3R5bGUiOm51bGx9LCJQYXJlbnRTdHlsZSI6bnVsbH0sIkhvcml6b250YWxDb25uZWN0b3JTdHlsZSI6eyIkaWQiOiIyMDYiLCJMaW5lQ29sb3IiOnsiJHJlZiI6Ijk4In0sIkxpbmVXZWlnaHQiOjEuMCwiTGluZVR5cGUiOjAsIlBhcmVudFN0eWxlIjpudWxsfSwiVmVydGljYWxDb25uZWN0b3JTdHlsZSI6eyIkaWQiOiIyMD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A4IiwiTWFyZ2luIjp7IiRyZWYiOiIxMDQifSwiUGFkZGluZyI6eyIkcmVmIjoiMTA1In0sIkJhY2tncm91bmQiOnsiJGlkIjoiMjA5IiwiQ29sb3IiOnsiJGlkIjoiMjEwIiwiQSI6MjU1LCJSIjo5MSwiRyI6MTU1LCJCIjoyMTN9fSwiSXNWaXNpYmxlIjp0cnVlLCJXaWR0aCI6MC4wLCJIZWlnaHQiOjE2LjAsIkJvcmRlclN0eWxlIjp7IiRpZCI6IjIxMSIsIkxpbmVDb2xvciI6eyIkcmVmIjoiMTA5In0sIkxpbmVXZWlnaHQiOjAuMCwiTGluZVR5cGUiOjAsIlBhcmVudFN0eWxlIjpudWxsfSwiUGFyZW50U3R5bGUiOm51bGx9LCJUaXRsZVN0eWxlIjp7IiRpZCI6IjIxMiIsIkZvbnRTZXR0aW5ncyI6eyIkaWQiOiIyMTM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E3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Q1Y2Q2ZDJmLTk4MDItNGY0OS1hZGNmLTEwYTdjNDJmYmVmZiIsIkltcG9ydElkIjpudWxsLCJUaXRsZSI6IuykkeqwhCDrs7Tqs6DshJwg7J6R7ISxIOuwjyDtlLzrk5zrsLEiLCJOb3RlIjpudWxsLCJIeXBlcmxpbmsiOm51bGwsIklzQ2hhbmdlZCI6ZmFsc2UsIklzTmV3IjpmYWxzZX0seyIkaWQiOiIyMTgiLCJHcm91cE5hbWUiOm51bGwsIlN0YXJ0RGF0ZSI6IjIwMTktMDQtMDRUMDA6MDA6MDBaIiwiRW5kRGF0ZSI6IjIwMTktMDQtMTBUMjM6NTk6MDB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bnVsbH0sIkF1dG9TaXplIjowLCJGb3JlZ3JvdW5kIjp7IiRpZCI6IjIyMiIsIkNvbG9yIjp7IiRyZWYiOiI4NiJ9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4OS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OTM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OTYifSwiSXNWaXNpYmxlIjp0cnVlLCJXaWR0aCI6MC4wLCJIZWlnaHQiOjAuMCwiQm9yZGVyU3R5bGUiOnsiJGlkIjoiMjMxIiwiTGluZUNvbG9yIjpudWxsLCJMaW5lV2VpZ2h0IjowLjAsIkxpbmVUeXBlIjowLCJQYXJlbnRTdHlsZSI6bnVsbH0sIlBhcmVudFN0eWxlIjpudWxsfSwiSG9yaXpvbnRhbENvbm5lY3RvclN0eWxlIjp7IiRpZCI6IjIzMiIsIkxpbmVDb2xvciI6eyIkcmVmIjoiOTgifSwiTGluZVdlaWdodCI6MS4wLCJMaW5lVHlwZSI6MCwiUGFyZW50U3R5bGUiOm51bGx9LCJWZXJ0aWNhbENvbm5lY3RvclN0eWxlIjp7IiRpZCI6IjIz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ExNy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TIifSwiSWQiOiI3NWRmZmJkMC0yYzQxLTQ0MjEtODNiNy0yMGJiZmExYzNkMjIiLCJJbXBvcnRJZCI6bnVsbCwiVGl0bGUiOiLslYjrk5zroZzsnbTrk5wg66qo65OIIOqwnOuwnCIsIk5vdGUiOm51bGwsIkh5cGVybGluayI6bnVsbCwiSXNDaGFuZ2VkIjpmYWxzZSwiSXNOZXciOmZhbHNlfSx7IiRpZCI6IjI1MyIsIkdyb3VwTmFtZSI6bnVsbCwiU3RhcnREYXRlIjoiMjAxOS0wNC0wN1QwMDowMDowMFoiLCJFbmREYXRlIjoiMjAxOS0wNC0yMFQyMzo1OTowMCIsIlBlcmNlbnRhZ2VDb21wbGV0ZSI6bnVsbCwiU3R5bGUiOnsiJGlkIjoiMjU0IiwiU2hhcGUiOjA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aWQiOiIyNTciLCJDb2xvciI6eyIkcmVmIjoiODYifX0sIk1heFdpZHRoIjoyMD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ODkifSwiSXNWaXNpYmxlIjp0cnVlLCJXaWR0aCI6MC4wLCJIZWlnaHQiOjAuMCwiQm9yZGVyU3R5bGUiOnsiJGlkIjoiMjYwIiwiTGluZUNvbG9yIjpudWxsLCJMaW5lV2VpZ2h0IjowLjAsIkxpbmVUeXBlIjowLCJQYXJlbnRTdHlsZSI6bnVsbH0sIlBhcmVudFN0eWxlIjpudWxsfSwiRHVyYXRpb25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kzIn19LCJNYXhXaWR0aCI6MjA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k2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k4In0sIkxpbmVXZWlnaHQiOjEuMCwiTGluZVR5cGUiOjAsIlBhcmVudFN0eWxlIjpudWxsfSwiVmVydGljYWxDb25uZWN0b3JTdHlsZSI6eyIkaWQiOiIyN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ExN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yZWYiOiIxMjE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MTI0In0sIklzVmlzaWJsZSI6dHJ1ZSwiV2lkdGgiOjAuMCwiSGVpZ2h0IjowLjAsIkJvcmRlclN0eWxlIjp7IiRpZCI6IjI4NiIsIkxpbmVDb2xvciI6bnVsbCwiTGluZVdlaWdodCI6MC4wLCJMaW5lVHlwZSI6MCwiUGFyZW50U3R5bGUiOm51bGx9LCJQYXJlbnRTdHlsZSI6bnVsbH0sIkRhdGVGb3JtYXQiOnsiJGlkIjoiMjg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yODcifSwiSWQiOiIzODJkZGY3Yy00OWFlLTQxYTktYTg5Ni1iNjgyMzNiYjg2MGIiLCJJbXBvcnRJZCI6bnVsbCwiVGl0bGUiOiJDIyDqs7XrtoAg67CPIOuplOyduCDrqqjrk4gg6rCc67CcIiwiTm90ZSI6bnVsbCwiSHlwZXJsaW5rIjpudWxsLCJJc0NoYW5nZWQiOmZhbHNlLCJJc05ldyI6ZmFsc2V9LHsiJGlkIjoiMjg4IiwiR3JvdXBOYW1lIjpudWxsLCJTdGFydERhdGUiOiIyMDE5LTA0LTEwVDAwOjAwOjAwWiIsIkVuZERhdGUiOiIyMDE5LTA1LTE5VDIzOjU5OjAwWiIsIlBlcmNlbnRhZ2VDb21wbGV0ZSI6bnVsbCwiU3R5bGUiOnsiJGlkIjoiMjg5IiwiU2hhcGUiOjA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ExNy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zMjIifSwiSWQiOiIyN2FlNDc1OC05YmFjLTQwZDMtODQwOS00MDVkNWEyOGM5YjYiLCJJbXBvcnRJZCI6bnVsbCwiVGl0bGUiOiLshpAg7J247IudIOuqqOuTiCDqsJzrsJwiLCJOb3RlIjpudWxsLCJIeXBlcmxpbmsiOm51bGwsIklzQ2hhbmdlZCI6ZmFsc2UsIklzTmV3IjpmYWxzZX0seyIkaWQiOiIzMjMiLCJHcm91cE5hbWUiOm51bGwsIlN0YXJ0RGF0ZSI6IjIwMTktMDQtMTBUMDA6MDA6MDBaIiwiRW5kRGF0ZSI6IjIwMTktMDUtMTlUMjM6NTk6MDBaIiwiUGVyY2VudGFnZUNvbXBsZXRlIjpudWxsLCJTdHlsZSI6eyIkaWQiOiIzMjQiLCJTaGFwZSI6MCwiU2hhcGVUaGlja25lc3MiOjE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3IiwiTGluZUNvbG9yIjpudWxsLCJMaW5lV2VpZ2h0IjowLjAsIkxpbmVUeXBlIjowLCJQYXJlbnRTdHlsZSI6bnVsbH0sIlBhcmVudFN0eWxlIjpudWxsfSwiRHVyYXRpb25TdHlsZSI6eyIkaWQiOiIzMjgiLCJGb250U2V0dGluZ3MiOnsiJGlkIjoiMzI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zAiLCJMaW5lQ29sb3IiOm51bGwsIkxpbmVXZWlnaHQiOjAuMCwiTGluZVR5cGUiOjAsIlBhcmVudFN0eWxlIjpudWxsfSwiUGFyZW50U3R5bGUiOm51bGx9LCJIb3Jpem9udGFsQ29ubmVjdG9yU3R5bGUiOnsiJGlkIjoiMzMxIiwiTGluZUNvbG9yIjp7IiRyZWYiOiI5OCJ9LCJMaW5lV2VpZ2h0IjoxLjAsIkxpbmVUeXBlIjowLCJQYXJlbnRTdHlsZSI6bnVsbH0sIlZlcnRpY2FsQ29ubmVjdG9yU3R5bGUiOnsiJGlkIjoiMzM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zMyIsIk1hcmdpbiI6eyIkcmVmIjoiMTA0In0sIlBhZGRpbmciOnsiJHJlZiI6IjEwNSJ9LCJCYWNrZ3JvdW5kIjp7IiRpZCI6IjMzNCIsIkNvbG9yIjp7IiRpZCI6IjMzNSIsIkEiOjI1NSwiUiI6MjU1LCJHIjoxOTIsIkIiOjB9fSwiSXNWaXNpYmxlIjp0cnVlLCJXaWR0aCI6MC4wLCJIZWlnaHQiOjE2LjAsIkJvcmRlclN0eWxlIjp7IiRpZCI6IjMzNiIsIkxpbmVDb2xvciI6eyIkcmVmIjoiMTA5In0sIkxpbmVXZWlnaHQiOjAuMCwiTGluZVR5cGUiOjAsIlBhcmVudFN0eWxlIjpudWxsfSwiUGFyZW50U3R5bGUiOm51bGx9LCJUaXRsZVN0eWxlIjp7IiRpZCI6IjMzNyIsIkZvbnRTZXR0aW5ncyI6eyIkaWQiOiIzMz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OSIsIkxpbmVDb2xvciI6bnVsbCwiTGluZVdlaWdodCI6MC4wLCJMaW5lVHlwZSI6MCwiUGFyZW50U3R5bGUiOm51bGx9LCJQYXJlbnRTdHlsZSI6bnVsbH0sIkRhdGVTdHlsZSI6eyIkaWQiOiIzNDAiLCJGb250U2V0dGluZ3MiOnsiJGlkIjoiMzQ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y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gyZmIzYzQ1LWFlNWYtNGMxZS1hOGViLTI1ZmI5NmIyNzY0OCIsIkltcG9ydElkIjpudWxsLCJUaXRsZSI6IuydmOulmCDqtIDroKgg66qo65OIIOqwnOuwnCIsIk5vdGUiOm51bGwsIkh5cGVybGluayI6bnVsbCwiSXNDaGFuZ2VkIjpmYWxzZSwiSXNOZXciOmZhbHNlfSx7IiRpZCI6IjM0MyIsIkdyb3VwTmFtZSI6bnVsbCwiU3RhcnREYXRlIjoiMjAxOS0wNC0yOVQwMDowMDowMFoiLCJFbmREYXRlIjoiMjAxOS0wNS0xOVQyMzo1OTowMFoiLCJQZXJjZW50YWdlQ29tcGxldGUiOm51bGwsIlN0eWxlIjp7IiRpZCI6IjM0NCIsIlNoYXBlIjowLCJTaGFwZVRoaWNrbmVzcyI6MS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g2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M3NyJ9LCJJZCI6ImU2NzZkZDVjLThkNjUtNDc3NS04OGI2LWQ1NmI0ZTczZWUwYyIsIkltcG9ydElkIjpudWxsLCJUaXRsZSI6IuyLoOyytCDsnbjsi50g66qo65OIIOqwnOuwnCIsIk5vdGUiOm51bGwsIkh5cGVybGluayI6bnVsbCwiSXNDaGFuZ2VkIjpmYWxzZSwiSXNOZXciOmZhbHNlfSx7IiRpZCI6IjM3OCIsIkdyb3VwTmFtZSI6bnVsbCwiU3RhcnREYXRlIjoiMjAxOS0wNS0yMFQwMDowMDowMFoiLCJFbmREYXRlIjoiMjAxOS0wNi0wN1QyMzo1OTowMFoiLCJQZXJjZW50YWdlQ29tcGxldGUiOm51bGwsIlN0eWxlIjp7IiRpZCI6IjM3OSIsIlNoYXBlIjowLCJTaGFwZVRoaWNrbmVzcyI6MS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g2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5OCJ9LCJMaW5lV2VpZ2h0IjoxLjAsIkxpbmVUeXBlIjowLCJQYXJlbnRTdHlsZSI6bnVsbH0sIlZlcnRpY2FsQ29ubmVjdG9yU3R5bGUiOnsiJGlkIjoiMzk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5NCIsIk1hcmdpbiI6eyIkaWQiOiIzOTUiLCJUb3AiOjAsIkxlZnQiOjQsIlJpZ2h0Ijo0LCJCb3R0b20iOjB9LCJQYWRkaW5nIjp7IiRpZCI6IjM5NiIsIlRvcCI6MCwiTGVmdCI6MCwiUmlnaHQiOjAsIkJvdHRvbSI6MH0sIkJhY2tncm91bmQiOnsiJGlkIjoiMzk3IiwiQ29sb3IiOnsiJGlkIjoiMzk4IiwiQSI6MjU1LCJSIjoyMzcsIkciOjEyNSwiQiI6NDl9fSwiSXNWaXNpYmxlIjp0cnVlLCJXaWR0aCI6MC4wLCJIZWlnaHQiOjE2LjAsIkJvcmRlclN0eWxlIjp7IiRpZCI6IjM5OSIsIkxpbmVDb2xvciI6eyIkcmVmIjoiMTA5In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yZWYiOiIxMTQifX0sIk1heFdpZHRoIjo3Mj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E3In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QxMiJ9LCJJZCI6IjU1ODcxNTY2LWFjYjQtNDc5Zi1hNTkzLWM0ZDc1ZmFiYTVmMyIsIkltcG9ydElkIjpudWxsLCJUaXRsZSI6IkFSIOuqqOuNuOungSDrsI8g7Lac66ClIO2VqOyImCDqsJzrsJwiLCJOb3RlIjpudWxsLCJIeXBlcmxpbmsiOm51bGwsIklzQ2hhbmdlZCI6ZmFsc2UsIklzTmV3IjpmYWxzZX0seyIkaWQiOiI0MTMiLCJHcm91cE5hbWUiOm51bGwsIlN0YXJ0RGF0ZSI6IjIwMTktMDYtMDhUMDA6MDA6MDAiLCJFbmREYXRlIjoiMjAxOS0wNi0xOVQyMzo1OTowMCIsIlBlcmNlbnRhZ2VDb21wbGV0ZSI6bnVsbCwiU3R5bGUiOnsiJGlkIjoiNDE0IiwiU2hhcGUiOjAsIlNoYXBlVGhpY2tuZXNzIjoxLCJEdXJhdGlvbkZvcm1hdCI6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TIiLCJVc2VUaW1lIjpmYWxzZSwiV29ya0RheVN0YXJ0IjoiMDA6MDA6MDAiLCJXb3JrRGF5RW5kIjoiMjM6NTk6MDAifSwiTGFzdFVzZWRUZW1wbGF0ZUlkIjoiNzM1NWI2MzMtYWM2Ni00NTI4LThiNGQtMjk5ZmFlZGM5ZWU5In0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9</Words>
  <Application>Microsoft Office PowerPoint</Application>
  <PresentationFormat>와이드스크린</PresentationFormat>
  <Paragraphs>87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7" baseType="lpstr">
      <vt:lpstr>맑은 고딕</vt:lpstr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4-17T11:24:51Z</dcterms:modified>
</cp:coreProperties>
</file>